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6_04消費・教育統計課\小売\14_ホームページ\2026年〈2020年基準〉\2026.5月分〈2020年基準〉\01_消費者物価指数の概要・中分類\"/>
    </mc:Choice>
  </mc:AlternateContent>
  <xr:revisionPtr revIDLastSave="0" documentId="13_ncr:1_{98A00748-C56D-4BF1-BAA1-9E2FFB83E7F1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消費者物価指数の概要 " sheetId="1" r:id="rId1"/>
    <sheet name="中分類指数" sheetId="2" r:id="rId2"/>
  </sheets>
  <definedNames>
    <definedName name="_xlnm.Print_Area" localSheetId="0">'消費者物価指数の概要 '!#REF!</definedName>
    <definedName name="_xlnm.Print_Area" localSheetId="1">中分類指数!$A$1:$K$48</definedName>
    <definedName name="月報_中分類表抽出" localSheetId="1">中分類指数!$A$2:$E$4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1" i="2" l="1"/>
  <c r="F32" i="1" l="1"/>
  <c r="D31" i="1"/>
  <c r="M33" i="1" l="1"/>
  <c r="M32" i="1"/>
  <c r="M31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G31" i="1"/>
  <c r="F33" i="1"/>
  <c r="F31" i="1"/>
  <c r="E33" i="1"/>
  <c r="E32" i="1"/>
  <c r="E31" i="1"/>
  <c r="D33" i="1"/>
  <c r="D32" i="1"/>
  <c r="C33" i="1"/>
  <c r="C32" i="1"/>
  <c r="C31" i="1"/>
</calcChain>
</file>

<file path=xl/sharedStrings.xml><?xml version="1.0" encoding="utf-8"?>
<sst xmlns="http://schemas.openxmlformats.org/spreadsheetml/2006/main" count="103" uniqueCount="99">
  <si>
    <t>**********************************************************************************************</t>
    <phoneticPr fontId="1"/>
  </si>
  <si>
    <t>*********************************************************************************************</t>
    <phoneticPr fontId="1"/>
  </si>
  <si>
    <t xml:space="preserve">     　利用上の注意</t>
    <rPh sb="6" eb="9">
      <t>リヨウジョウ</t>
    </rPh>
    <rPh sb="10" eb="12">
      <t>チュウイ</t>
    </rPh>
    <phoneticPr fontId="1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1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1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1"/>
  </si>
  <si>
    <t>費　　目</t>
    <rPh sb="0" eb="1">
      <t>ヒ</t>
    </rPh>
    <rPh sb="3" eb="4">
      <t>メ</t>
    </rPh>
    <phoneticPr fontId="1"/>
  </si>
  <si>
    <t>総合</t>
    <rPh sb="0" eb="2">
      <t>ソウゴウ</t>
    </rPh>
    <phoneticPr fontId="1"/>
  </si>
  <si>
    <t>食料</t>
    <rPh sb="0" eb="2">
      <t>ショクリョウ</t>
    </rPh>
    <phoneticPr fontId="1"/>
  </si>
  <si>
    <t>住居</t>
    <rPh sb="0" eb="2">
      <t>ジュウキョ</t>
    </rPh>
    <phoneticPr fontId="1"/>
  </si>
  <si>
    <t>光熱・
　水道</t>
    <rPh sb="0" eb="2">
      <t>コウネツ</t>
    </rPh>
    <rPh sb="5" eb="7">
      <t>スイドウ</t>
    </rPh>
    <phoneticPr fontId="1"/>
  </si>
  <si>
    <t>家具・
家事用品</t>
    <rPh sb="0" eb="2">
      <t>カグ</t>
    </rPh>
    <rPh sb="4" eb="6">
      <t>カジ</t>
    </rPh>
    <rPh sb="6" eb="8">
      <t>ヨウヒン</t>
    </rPh>
    <phoneticPr fontId="1"/>
  </si>
  <si>
    <t>被服及び履物</t>
    <rPh sb="0" eb="2">
      <t>ヒフク</t>
    </rPh>
    <rPh sb="2" eb="3">
      <t>オヨ</t>
    </rPh>
    <rPh sb="4" eb="6">
      <t>ハキモノ</t>
    </rPh>
    <phoneticPr fontId="1"/>
  </si>
  <si>
    <t>保健医療</t>
    <rPh sb="0" eb="2">
      <t>ホケン</t>
    </rPh>
    <rPh sb="2" eb="4">
      <t>イリョウ</t>
    </rPh>
    <phoneticPr fontId="1"/>
  </si>
  <si>
    <t>交通・
   通信</t>
    <rPh sb="0" eb="2">
      <t>コウツウ</t>
    </rPh>
    <rPh sb="7" eb="9">
      <t>ツウシン</t>
    </rPh>
    <phoneticPr fontId="1"/>
  </si>
  <si>
    <t>教育</t>
    <rPh sb="0" eb="2">
      <t>キョウイク</t>
    </rPh>
    <phoneticPr fontId="1"/>
  </si>
  <si>
    <t>教養娯楽</t>
    <rPh sb="0" eb="2">
      <t>キョウヨウ</t>
    </rPh>
    <rPh sb="2" eb="4">
      <t>ゴラク</t>
    </rPh>
    <phoneticPr fontId="1"/>
  </si>
  <si>
    <t>諸雑費</t>
    <rPh sb="0" eb="1">
      <t>ショ</t>
    </rPh>
    <rPh sb="1" eb="3">
      <t>ザッピ</t>
    </rPh>
    <phoneticPr fontId="1"/>
  </si>
  <si>
    <t>指　数</t>
    <rPh sb="0" eb="1">
      <t>ユビ</t>
    </rPh>
    <rPh sb="2" eb="3">
      <t>スウ</t>
    </rPh>
    <phoneticPr fontId="1"/>
  </si>
  <si>
    <t>前月比
（％）</t>
    <rPh sb="0" eb="2">
      <t>ゼンゲツ</t>
    </rPh>
    <rPh sb="2" eb="3">
      <t>ヒ</t>
    </rPh>
    <phoneticPr fontId="1"/>
  </si>
  <si>
    <t>川崎市</t>
    <rPh sb="0" eb="2">
      <t>カワサキ</t>
    </rPh>
    <rPh sb="2" eb="3">
      <t>シ</t>
    </rPh>
    <phoneticPr fontId="16"/>
  </si>
  <si>
    <t>分　　　類　　　名</t>
    <rPh sb="8" eb="9">
      <t>メイ</t>
    </rPh>
    <phoneticPr fontId="16"/>
  </si>
  <si>
    <t>指　数</t>
  </si>
  <si>
    <t>前月比
％</t>
    <phoneticPr fontId="1"/>
  </si>
  <si>
    <t>前年
同月比
％</t>
    <phoneticPr fontId="1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1"/>
  </si>
  <si>
    <t>前年同月比
（％）</t>
    <rPh sb="0" eb="2">
      <t>ゼンネン</t>
    </rPh>
    <rPh sb="2" eb="5">
      <t>ドウゲツヒ</t>
    </rPh>
    <phoneticPr fontId="1"/>
  </si>
  <si>
    <t>他の被服</t>
    <phoneticPr fontId="1"/>
  </si>
  <si>
    <t>　（総務省統計局公表結果に基づく　令和２（２０２０）年＝１００基準）</t>
    <rPh sb="17" eb="19">
      <t>レイワ</t>
    </rPh>
    <phoneticPr fontId="1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1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1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1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1"/>
  </si>
  <si>
    <t>川崎市の消費者物価指数の概要</t>
    <rPh sb="0" eb="2">
      <t>カワサキ</t>
    </rPh>
    <phoneticPr fontId="1"/>
  </si>
  <si>
    <t>　　　　　　　　　　　　　　　　　　　  　中 　分　 類　 指　 数</t>
    <phoneticPr fontId="16"/>
  </si>
  <si>
    <t>２０２６年５月分</t>
    <phoneticPr fontId="1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１１．９</t>
    </r>
    <phoneticPr fontId="1"/>
  </si>
  <si>
    <t>　　　　　　　　   前年同月比は1.8％の上昇    前月比は0.5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1"/>
  </si>
  <si>
    <t>　   　　  2　生鮮食品を除く総合指数は１１１．５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1"/>
  </si>
  <si>
    <t>　　　　　　　　   前年同月比は1.6％の上昇     前月比は0.5％の上昇</t>
    <rPh sb="22" eb="24">
      <t>ジョウショウ</t>
    </rPh>
    <rPh sb="29" eb="31">
      <t>ゼンゲツ</t>
    </rPh>
    <rPh sb="31" eb="32">
      <t>ヒ</t>
    </rPh>
    <rPh sb="38" eb="40">
      <t>ジョウショウ</t>
    </rPh>
    <phoneticPr fontId="1"/>
  </si>
  <si>
    <t>　　   　  3　生鮮食品及びエネルギーを除く総合指数は１１０．７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1"/>
  </si>
  <si>
    <t>　　　　　　　　   前年同月比は1.9％の上昇     前月比は0.3％の上昇</t>
    <rPh sb="22" eb="24">
      <t>ジョウシ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_ "/>
  </numFmts>
  <fonts count="3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3">
    <xf numFmtId="0" fontId="0" fillId="0" borderId="0">
      <alignment vertical="center"/>
    </xf>
    <xf numFmtId="0" fontId="14" fillId="0" borderId="0"/>
    <xf numFmtId="0" fontId="14" fillId="0" borderId="0"/>
  </cellStyleXfs>
  <cellXfs count="107">
    <xf numFmtId="0" fontId="0" fillId="0" borderId="0" xfId="0">
      <alignment vertical="center"/>
    </xf>
    <xf numFmtId="0" fontId="0" fillId="0" borderId="0" xfId="0" applyBorder="1">
      <alignment vertical="center"/>
    </xf>
    <xf numFmtId="0" fontId="0" fillId="0" borderId="0" xfId="0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9" fillId="0" borderId="0" xfId="0" applyFont="1" applyAlignment="1">
      <alignment vertical="center"/>
    </xf>
    <xf numFmtId="0" fontId="4" fillId="0" borderId="0" xfId="0" applyFont="1" applyBorder="1">
      <alignment vertical="center"/>
    </xf>
    <xf numFmtId="0" fontId="4" fillId="0" borderId="0" xfId="0" applyFont="1">
      <alignment vertical="center"/>
    </xf>
    <xf numFmtId="0" fontId="0" fillId="0" borderId="0" xfId="0" applyFont="1" applyAlignment="1">
      <alignment vertical="center"/>
    </xf>
    <xf numFmtId="0" fontId="11" fillId="0" borderId="1" xfId="0" applyFont="1" applyBorder="1" applyAlignment="1">
      <alignment horizontal="center" vertical="center" wrapText="1" shrinkToFit="1"/>
    </xf>
    <xf numFmtId="0" fontId="11" fillId="0" borderId="2" xfId="0" applyFont="1" applyBorder="1" applyAlignment="1">
      <alignment horizontal="center" vertical="center" wrapText="1" shrinkToFit="1"/>
    </xf>
    <xf numFmtId="0" fontId="11" fillId="0" borderId="3" xfId="0" applyFont="1" applyBorder="1" applyAlignment="1">
      <alignment horizontal="center" vertical="center" wrapText="1" shrinkToFit="1"/>
    </xf>
    <xf numFmtId="0" fontId="11" fillId="0" borderId="1" xfId="0" applyFont="1" applyBorder="1" applyAlignment="1">
      <alignment horizontal="center" vertical="center" wrapText="1"/>
    </xf>
    <xf numFmtId="176" fontId="12" fillId="0" borderId="2" xfId="0" applyNumberFormat="1" applyFont="1" applyBorder="1">
      <alignment vertical="center"/>
    </xf>
    <xf numFmtId="176" fontId="12" fillId="0" borderId="3" xfId="0" applyNumberFormat="1" applyFont="1" applyBorder="1">
      <alignment vertical="center"/>
    </xf>
    <xf numFmtId="176" fontId="12" fillId="0" borderId="1" xfId="0" applyNumberFormat="1" applyFont="1" applyBorder="1" applyAlignment="1">
      <alignment horizontal="right" vertical="center"/>
    </xf>
    <xf numFmtId="176" fontId="12" fillId="0" borderId="1" xfId="0" applyNumberFormat="1" applyFont="1" applyBorder="1">
      <alignment vertical="center"/>
    </xf>
    <xf numFmtId="176" fontId="12" fillId="0" borderId="4" xfId="0" applyNumberFormat="1" applyFont="1" applyBorder="1">
      <alignment vertical="center"/>
    </xf>
    <xf numFmtId="0" fontId="13" fillId="0" borderId="1" xfId="0" applyFont="1" applyBorder="1" applyAlignment="1">
      <alignment horizontal="center" vertical="center" wrapText="1"/>
    </xf>
    <xf numFmtId="176" fontId="12" fillId="0" borderId="1" xfId="0" applyNumberFormat="1" applyFont="1" applyBorder="1" applyAlignment="1">
      <alignment vertical="center"/>
    </xf>
    <xf numFmtId="176" fontId="12" fillId="0" borderId="4" xfId="0" applyNumberFormat="1" applyFont="1" applyBorder="1" applyAlignment="1">
      <alignment horizontal="right" vertical="center"/>
    </xf>
    <xf numFmtId="176" fontId="26" fillId="0" borderId="9" xfId="1" applyNumberFormat="1" applyFont="1" applyFill="1" applyBorder="1" applyAlignment="1">
      <alignment vertical="center"/>
    </xf>
    <xf numFmtId="176" fontId="26" fillId="0" borderId="10" xfId="1" applyNumberFormat="1" applyFont="1" applyFill="1" applyBorder="1" applyAlignment="1">
      <alignment vertical="center"/>
    </xf>
    <xf numFmtId="176" fontId="26" fillId="0" borderId="14" xfId="1" applyNumberFormat="1" applyFont="1" applyFill="1" applyBorder="1" applyAlignment="1">
      <alignment vertical="center"/>
    </xf>
    <xf numFmtId="176" fontId="26" fillId="0" borderId="17" xfId="1" applyNumberFormat="1" applyFont="1" applyFill="1" applyBorder="1" applyAlignment="1">
      <alignment vertical="center"/>
    </xf>
    <xf numFmtId="176" fontId="27" fillId="0" borderId="19" xfId="1" applyNumberFormat="1" applyFont="1" applyFill="1" applyBorder="1" applyAlignment="1">
      <alignment vertical="center"/>
    </xf>
    <xf numFmtId="176" fontId="27" fillId="0" borderId="20" xfId="1" applyNumberFormat="1" applyFont="1" applyFill="1" applyBorder="1" applyAlignment="1">
      <alignment vertical="center"/>
    </xf>
    <xf numFmtId="176" fontId="27" fillId="0" borderId="21" xfId="1" applyNumberFormat="1" applyFont="1" applyFill="1" applyBorder="1" applyAlignment="1">
      <alignment vertical="center"/>
    </xf>
    <xf numFmtId="176" fontId="26" fillId="0" borderId="18" xfId="1" applyNumberFormat="1" applyFont="1" applyFill="1" applyBorder="1" applyAlignment="1">
      <alignment vertical="center"/>
    </xf>
    <xf numFmtId="176" fontId="26" fillId="0" borderId="0" xfId="1" applyNumberFormat="1" applyFont="1" applyFill="1" applyAlignment="1">
      <alignment vertical="center"/>
    </xf>
    <xf numFmtId="176" fontId="26" fillId="0" borderId="20" xfId="1" applyNumberFormat="1" applyFont="1" applyFill="1" applyBorder="1" applyAlignment="1">
      <alignment vertical="center"/>
    </xf>
    <xf numFmtId="176" fontId="26" fillId="0" borderId="21" xfId="1" applyNumberFormat="1" applyFont="1" applyFill="1" applyBorder="1" applyAlignment="1">
      <alignment vertical="center"/>
    </xf>
    <xf numFmtId="176" fontId="26" fillId="0" borderId="23" xfId="1" applyNumberFormat="1" applyFont="1" applyFill="1" applyBorder="1" applyAlignment="1">
      <alignment vertical="center"/>
    </xf>
    <xf numFmtId="0" fontId="17" fillId="0" borderId="0" xfId="2" applyFont="1" applyFill="1"/>
    <xf numFmtId="176" fontId="27" fillId="0" borderId="23" xfId="1" applyNumberFormat="1" applyFont="1" applyFill="1" applyBorder="1" applyAlignment="1">
      <alignment vertical="center"/>
    </xf>
    <xf numFmtId="176" fontId="26" fillId="0" borderId="19" xfId="1" applyNumberFormat="1" applyFont="1" applyFill="1" applyBorder="1" applyAlignment="1">
      <alignment vertical="center"/>
    </xf>
    <xf numFmtId="176" fontId="26" fillId="0" borderId="28" xfId="1" applyNumberFormat="1" applyFont="1" applyFill="1" applyBorder="1" applyAlignment="1">
      <alignment vertical="center"/>
    </xf>
    <xf numFmtId="176" fontId="26" fillId="0" borderId="25" xfId="1" applyNumberFormat="1" applyFont="1" applyFill="1" applyBorder="1" applyAlignment="1">
      <alignment vertical="center"/>
    </xf>
    <xf numFmtId="176" fontId="26" fillId="0" borderId="29" xfId="1" applyNumberFormat="1" applyFont="1" applyFill="1" applyBorder="1" applyAlignment="1">
      <alignment vertical="center"/>
    </xf>
    <xf numFmtId="176" fontId="29" fillId="0" borderId="0" xfId="1" applyNumberFormat="1" applyFont="1" applyFill="1" applyBorder="1" applyAlignment="1">
      <alignment vertical="center"/>
    </xf>
    <xf numFmtId="176" fontId="26" fillId="0" borderId="22" xfId="1" applyNumberFormat="1" applyFont="1" applyFill="1" applyBorder="1" applyAlignment="1">
      <alignment vertical="center"/>
    </xf>
    <xf numFmtId="176" fontId="26" fillId="0" borderId="30" xfId="1" applyNumberFormat="1" applyFont="1" applyFill="1" applyBorder="1" applyAlignment="1">
      <alignment vertical="center"/>
    </xf>
    <xf numFmtId="0" fontId="25" fillId="0" borderId="16" xfId="2" applyFont="1" applyFill="1" applyBorder="1"/>
    <xf numFmtId="0" fontId="25" fillId="0" borderId="20" xfId="2" quotePrefix="1" applyNumberFormat="1" applyFont="1" applyFill="1" applyBorder="1"/>
    <xf numFmtId="176" fontId="27" fillId="0" borderId="0" xfId="1" applyNumberFormat="1" applyFont="1" applyFill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176" fontId="0" fillId="0" borderId="0" xfId="2" applyNumberFormat="1" applyFont="1" applyFill="1" applyAlignment="1"/>
    <xf numFmtId="176" fontId="17" fillId="0" borderId="0" xfId="2" applyNumberFormat="1" applyFont="1" applyFill="1"/>
    <xf numFmtId="0" fontId="20" fillId="0" borderId="0" xfId="2" applyFont="1" applyFill="1" applyBorder="1"/>
    <xf numFmtId="0" fontId="17" fillId="0" borderId="0" xfId="2" applyFont="1" applyFill="1" applyBorder="1"/>
    <xf numFmtId="176" fontId="17" fillId="0" borderId="0" xfId="2" applyNumberFormat="1" applyFont="1" applyFill="1" applyBorder="1"/>
    <xf numFmtId="0" fontId="21" fillId="0" borderId="0" xfId="2" applyFont="1" applyFill="1"/>
    <xf numFmtId="0" fontId="22" fillId="0" borderId="0" xfId="2" applyFont="1" applyFill="1"/>
    <xf numFmtId="0" fontId="23" fillId="0" borderId="0" xfId="2" applyFont="1" applyFill="1" applyBorder="1"/>
    <xf numFmtId="176" fontId="24" fillId="0" borderId="6" xfId="2" quotePrefix="1" applyNumberFormat="1" applyFont="1" applyFill="1" applyBorder="1" applyAlignment="1">
      <alignment horizontal="center" vertical="center"/>
    </xf>
    <xf numFmtId="176" fontId="24" fillId="0" borderId="6" xfId="2" applyNumberFormat="1" applyFont="1" applyFill="1" applyBorder="1" applyAlignment="1">
      <alignment horizontal="center" vertical="center" wrapText="1"/>
    </xf>
    <xf numFmtId="176" fontId="24" fillId="0" borderId="7" xfId="2" applyNumberFormat="1" applyFont="1" applyFill="1" applyBorder="1" applyAlignment="1">
      <alignment horizontal="center" vertical="center" wrapText="1"/>
    </xf>
    <xf numFmtId="0" fontId="25" fillId="0" borderId="2" xfId="2" quotePrefix="1" applyNumberFormat="1" applyFont="1" applyFill="1" applyBorder="1" applyAlignment="1">
      <alignment horizontal="left"/>
    </xf>
    <xf numFmtId="0" fontId="25" fillId="0" borderId="8" xfId="2" applyFont="1" applyFill="1" applyBorder="1" applyAlignment="1">
      <alignment horizontal="left"/>
    </xf>
    <xf numFmtId="0" fontId="25" fillId="0" borderId="11" xfId="2" quotePrefix="1" applyNumberFormat="1" applyFont="1" applyFill="1" applyBorder="1"/>
    <xf numFmtId="0" fontId="25" fillId="0" borderId="12" xfId="2" applyFont="1" applyFill="1" applyBorder="1"/>
    <xf numFmtId="176" fontId="27" fillId="0" borderId="13" xfId="1" applyNumberFormat="1" applyFont="1" applyFill="1" applyBorder="1" applyAlignment="1">
      <alignment vertical="center"/>
    </xf>
    <xf numFmtId="176" fontId="27" fillId="0" borderId="14" xfId="1" applyNumberFormat="1" applyFont="1" applyFill="1" applyBorder="1" applyAlignment="1">
      <alignment vertical="center"/>
    </xf>
    <xf numFmtId="176" fontId="27" fillId="0" borderId="15" xfId="1" applyNumberFormat="1" applyFont="1" applyFill="1" applyBorder="1" applyAlignment="1">
      <alignment vertical="center"/>
    </xf>
    <xf numFmtId="0" fontId="25" fillId="0" borderId="16" xfId="2" quotePrefix="1" applyNumberFormat="1" applyFont="1" applyFill="1" applyBorder="1"/>
    <xf numFmtId="0" fontId="25" fillId="0" borderId="0" xfId="2" applyFont="1" applyFill="1" applyBorder="1"/>
    <xf numFmtId="0" fontId="25" fillId="0" borderId="18" xfId="2" quotePrefix="1" applyNumberFormat="1" applyFont="1" applyFill="1" applyBorder="1"/>
    <xf numFmtId="0" fontId="25" fillId="0" borderId="22" xfId="2" quotePrefix="1" applyNumberFormat="1" applyFont="1" applyFill="1" applyBorder="1"/>
    <xf numFmtId="0" fontId="28" fillId="0" borderId="20" xfId="2" quotePrefix="1" applyNumberFormat="1" applyFont="1" applyFill="1" applyBorder="1" applyAlignment="1">
      <alignment shrinkToFit="1"/>
    </xf>
    <xf numFmtId="0" fontId="25" fillId="0" borderId="19" xfId="2" quotePrefix="1" applyNumberFormat="1" applyFont="1" applyFill="1" applyBorder="1"/>
    <xf numFmtId="0" fontId="25" fillId="0" borderId="24" xfId="2" applyFont="1" applyFill="1" applyBorder="1"/>
    <xf numFmtId="0" fontId="25" fillId="0" borderId="25" xfId="2" quotePrefix="1" applyNumberFormat="1" applyFont="1" applyFill="1" applyBorder="1"/>
    <xf numFmtId="0" fontId="25" fillId="0" borderId="18" xfId="2" quotePrefix="1" applyNumberFormat="1" applyFont="1" applyFill="1" applyBorder="1" applyAlignment="1">
      <alignment shrinkToFit="1"/>
    </xf>
    <xf numFmtId="176" fontId="26" fillId="0" borderId="13" xfId="1" applyNumberFormat="1" applyFont="1" applyFill="1" applyBorder="1" applyAlignment="1">
      <alignment vertical="center"/>
    </xf>
    <xf numFmtId="176" fontId="26" fillId="0" borderId="15" xfId="1" applyNumberFormat="1" applyFont="1" applyFill="1" applyBorder="1" applyAlignment="1">
      <alignment vertical="center"/>
    </xf>
    <xf numFmtId="0" fontId="25" fillId="0" borderId="26" xfId="2" applyFont="1" applyFill="1" applyBorder="1"/>
    <xf numFmtId="0" fontId="25" fillId="0" borderId="27" xfId="2" quotePrefix="1" applyNumberFormat="1" applyFont="1" applyFill="1" applyBorder="1"/>
    <xf numFmtId="176" fontId="17" fillId="0" borderId="27" xfId="2" applyNumberFormat="1" applyFont="1" applyFill="1" applyBorder="1"/>
    <xf numFmtId="0" fontId="25" fillId="0" borderId="28" xfId="2" quotePrefix="1" applyNumberFormat="1" applyFont="1" applyFill="1" applyBorder="1"/>
    <xf numFmtId="0" fontId="25" fillId="0" borderId="0" xfId="2" quotePrefix="1" applyNumberFormat="1" applyFont="1" applyFill="1" applyBorder="1"/>
    <xf numFmtId="0" fontId="17" fillId="0" borderId="20" xfId="2" quotePrefix="1" applyNumberFormat="1" applyFont="1" applyFill="1" applyBorder="1" applyAlignment="1">
      <alignment shrinkToFit="1"/>
    </xf>
    <xf numFmtId="0" fontId="17" fillId="0" borderId="20" xfId="2" quotePrefix="1" applyNumberFormat="1" applyFont="1" applyFill="1" applyBorder="1"/>
    <xf numFmtId="0" fontId="5" fillId="0" borderId="0" xfId="0" applyFont="1" applyBorder="1" applyAlignment="1">
      <alignment horizontal="centerContinuous" vertical="center"/>
    </xf>
    <xf numFmtId="0" fontId="2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6" fillId="0" borderId="0" xfId="0" applyFont="1" applyBorder="1" applyAlignment="1">
      <alignment horizontal="justify" vertical="center"/>
    </xf>
    <xf numFmtId="0" fontId="8" fillId="0" borderId="0" xfId="0" applyFont="1" applyBorder="1" applyAlignment="1">
      <alignment horizontal="justify" vertical="center"/>
    </xf>
    <xf numFmtId="0" fontId="7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4" fillId="0" borderId="0" xfId="0" applyFont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18" fillId="0" borderId="0" xfId="2" applyFont="1" applyFill="1" applyAlignment="1"/>
    <xf numFmtId="0" fontId="19" fillId="0" borderId="0" xfId="0" applyFont="1" applyFill="1" applyAlignment="1"/>
    <xf numFmtId="0" fontId="24" fillId="0" borderId="2" xfId="2" applyNumberFormat="1" applyFont="1" applyFill="1" applyBorder="1" applyAlignment="1">
      <alignment horizontal="center" vertical="center"/>
    </xf>
    <xf numFmtId="0" fontId="14" fillId="0" borderId="5" xfId="1" applyFill="1" applyBorder="1" applyAlignment="1">
      <alignment horizontal="center" vertical="center"/>
    </xf>
    <xf numFmtId="176" fontId="15" fillId="0" borderId="0" xfId="2" applyNumberFormat="1" applyFont="1" applyFill="1" applyAlignment="1"/>
    <xf numFmtId="0" fontId="15" fillId="0" borderId="0" xfId="2" applyNumberFormat="1" applyFont="1" applyFill="1" applyAlignment="1">
      <alignment horizontal="right"/>
    </xf>
  </cellXfs>
  <cellStyles count="3">
    <cellStyle name="標準" xfId="0" builtinId="0"/>
    <cellStyle name="標準 2" xfId="1" xr:uid="{00000000-0005-0000-0000-000001000000}"/>
    <cellStyle name="標準_chubunrui" xfId="2" xr:uid="{00000000-0005-0000-0000-000002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T124"/>
  <sheetViews>
    <sheetView tabSelected="1" zoomScaleNormal="100" workbookViewId="0"/>
  </sheetViews>
  <sheetFormatPr defaultRowHeight="14.4" x14ac:dyDescent="0.2"/>
  <cols>
    <col min="1" max="1" width="4.19921875" customWidth="1"/>
    <col min="2" max="2" width="9.19921875" customWidth="1"/>
    <col min="3" max="13" width="6.69921875" customWidth="1"/>
    <col min="14" max="14" width="6.59765625" customWidth="1"/>
    <col min="15" max="20" width="5.59765625" customWidth="1"/>
  </cols>
  <sheetData>
    <row r="1" spans="1:16" x14ac:dyDescent="0.2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 x14ac:dyDescent="0.2">
      <c r="A2" s="89" t="s">
        <v>90</v>
      </c>
      <c r="B2" s="89"/>
      <c r="C2" s="89"/>
      <c r="D2" s="89"/>
      <c r="E2" s="89"/>
      <c r="F2" s="89"/>
      <c r="G2" s="89"/>
      <c r="H2" s="89"/>
      <c r="I2" s="89"/>
      <c r="J2" s="89"/>
      <c r="K2" s="89"/>
      <c r="L2" s="89"/>
      <c r="M2" s="89"/>
      <c r="N2" s="89"/>
      <c r="O2" s="2"/>
      <c r="P2" s="2"/>
    </row>
    <row r="3" spans="1:16" ht="20.100000000000001" customHeight="1" x14ac:dyDescent="0.2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1"/>
    </row>
    <row r="4" spans="1:16" ht="20.100000000000001" customHeight="1" x14ac:dyDescent="0.2">
      <c r="A4" s="90" t="s">
        <v>85</v>
      </c>
      <c r="B4" s="90"/>
      <c r="C4" s="90"/>
      <c r="D4" s="90"/>
      <c r="E4" s="90"/>
      <c r="F4" s="90"/>
      <c r="G4" s="90"/>
      <c r="H4" s="90"/>
      <c r="I4" s="90"/>
      <c r="J4" s="90"/>
      <c r="K4" s="90"/>
      <c r="L4" s="90"/>
      <c r="M4" s="90"/>
      <c r="N4" s="90"/>
      <c r="O4" s="2"/>
      <c r="P4" s="2"/>
    </row>
    <row r="5" spans="1:16" ht="20.100000000000001" customHeight="1" x14ac:dyDescent="0.2">
      <c r="A5" s="5"/>
      <c r="B5" s="4"/>
      <c r="C5" s="4"/>
      <c r="D5" s="4"/>
      <c r="E5" s="4"/>
      <c r="F5" s="4"/>
      <c r="G5" s="4"/>
      <c r="H5" s="4"/>
      <c r="I5" s="4"/>
      <c r="J5" s="4"/>
      <c r="K5" s="4"/>
      <c r="L5" s="6"/>
      <c r="M5" s="4"/>
      <c r="N5" s="4"/>
    </row>
    <row r="6" spans="1:16" ht="20.100000000000001" customHeight="1" x14ac:dyDescent="0.2">
      <c r="A6" s="88" t="s">
        <v>92</v>
      </c>
      <c r="B6" s="88"/>
      <c r="C6" s="88"/>
      <c r="D6" s="88"/>
      <c r="E6" s="88"/>
      <c r="F6" s="88"/>
      <c r="G6" s="88"/>
      <c r="H6" s="88"/>
      <c r="I6" s="88"/>
      <c r="J6" s="88"/>
      <c r="K6" s="88"/>
      <c r="L6" s="88"/>
      <c r="M6" s="88"/>
      <c r="N6" s="88"/>
      <c r="O6" s="2"/>
      <c r="P6" s="2"/>
    </row>
    <row r="7" spans="1:16" x14ac:dyDescent="0.2">
      <c r="A7" s="7"/>
      <c r="B7" s="8"/>
      <c r="C7" s="8"/>
      <c r="D7" s="8"/>
      <c r="E7" s="8"/>
      <c r="F7" s="8"/>
      <c r="G7" s="8"/>
      <c r="H7" s="1"/>
      <c r="I7" s="1"/>
      <c r="J7" s="1"/>
      <c r="K7" s="1"/>
      <c r="L7" s="1"/>
      <c r="M7" s="1"/>
      <c r="N7" s="1"/>
    </row>
    <row r="8" spans="1:16" x14ac:dyDescent="0.2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 x14ac:dyDescent="0.2">
      <c r="A9" s="91" t="s">
        <v>0</v>
      </c>
      <c r="B9" s="91"/>
      <c r="C9" s="91"/>
      <c r="D9" s="91"/>
      <c r="E9" s="91"/>
      <c r="F9" s="91"/>
      <c r="G9" s="91"/>
      <c r="H9" s="91"/>
      <c r="I9" s="91"/>
      <c r="J9" s="91"/>
      <c r="K9" s="91"/>
      <c r="L9" s="91"/>
      <c r="M9" s="91"/>
      <c r="N9" s="91"/>
      <c r="O9" s="2"/>
      <c r="P9" s="2"/>
    </row>
    <row r="10" spans="1:16" ht="22.2" customHeight="1" x14ac:dyDescent="0.2">
      <c r="A10" s="92" t="s">
        <v>93</v>
      </c>
      <c r="B10" s="91"/>
      <c r="C10" s="91"/>
      <c r="D10" s="91"/>
      <c r="E10" s="91"/>
      <c r="F10" s="91"/>
      <c r="G10" s="91"/>
      <c r="H10" s="91"/>
      <c r="I10" s="91"/>
      <c r="J10" s="91"/>
      <c r="K10" s="91"/>
      <c r="L10" s="91"/>
      <c r="M10" s="91"/>
      <c r="N10" s="91"/>
      <c r="O10" s="2"/>
      <c r="P10" s="2"/>
    </row>
    <row r="11" spans="1:16" ht="22.2" customHeight="1" x14ac:dyDescent="0.2">
      <c r="A11" s="93" t="s">
        <v>94</v>
      </c>
      <c r="B11" s="91"/>
      <c r="C11" s="91"/>
      <c r="D11" s="91"/>
      <c r="E11" s="91"/>
      <c r="F11" s="91"/>
      <c r="G11" s="91"/>
      <c r="H11" s="91"/>
      <c r="I11" s="91"/>
      <c r="J11" s="91"/>
      <c r="K11" s="91"/>
      <c r="L11" s="91"/>
      <c r="M11" s="91"/>
      <c r="N11" s="91"/>
      <c r="O11" s="9"/>
      <c r="P11" s="9"/>
    </row>
    <row r="12" spans="1:16" ht="22.2" customHeight="1" x14ac:dyDescent="0.2">
      <c r="A12" s="94" t="s">
        <v>95</v>
      </c>
      <c r="B12" s="91"/>
      <c r="C12" s="91"/>
      <c r="D12" s="91"/>
      <c r="E12" s="91"/>
      <c r="F12" s="91"/>
      <c r="G12" s="91"/>
      <c r="H12" s="91"/>
      <c r="I12" s="91"/>
      <c r="J12" s="91"/>
      <c r="K12" s="91"/>
      <c r="L12" s="91"/>
      <c r="M12" s="91"/>
      <c r="N12" s="91"/>
      <c r="O12" s="9"/>
      <c r="P12" s="9"/>
    </row>
    <row r="13" spans="1:16" ht="22.2" customHeight="1" x14ac:dyDescent="0.2">
      <c r="A13" s="93" t="s">
        <v>96</v>
      </c>
      <c r="B13" s="91"/>
      <c r="C13" s="91"/>
      <c r="D13" s="91"/>
      <c r="E13" s="91"/>
      <c r="F13" s="91"/>
      <c r="G13" s="91"/>
      <c r="H13" s="91"/>
      <c r="I13" s="91"/>
      <c r="J13" s="91"/>
      <c r="K13" s="91"/>
      <c r="L13" s="91"/>
      <c r="M13" s="91"/>
      <c r="N13" s="91"/>
      <c r="O13" s="9"/>
      <c r="P13" s="9"/>
    </row>
    <row r="14" spans="1:16" ht="22.2" customHeight="1" x14ac:dyDescent="0.2">
      <c r="A14" s="95" t="s">
        <v>97</v>
      </c>
      <c r="B14" s="91"/>
      <c r="C14" s="91"/>
      <c r="D14" s="91"/>
      <c r="E14" s="91"/>
      <c r="F14" s="91"/>
      <c r="G14" s="91"/>
      <c r="H14" s="91"/>
      <c r="I14" s="91"/>
      <c r="J14" s="91"/>
      <c r="K14" s="91"/>
      <c r="L14" s="91"/>
      <c r="M14" s="91"/>
      <c r="N14" s="91"/>
      <c r="O14" s="9"/>
      <c r="P14" s="9"/>
    </row>
    <row r="15" spans="1:16" ht="22.2" customHeight="1" x14ac:dyDescent="0.2">
      <c r="A15" s="93" t="s">
        <v>98</v>
      </c>
      <c r="B15" s="91"/>
      <c r="C15" s="91"/>
      <c r="D15" s="91"/>
      <c r="E15" s="91"/>
      <c r="F15" s="91"/>
      <c r="G15" s="91"/>
      <c r="H15" s="91"/>
      <c r="I15" s="91"/>
      <c r="J15" s="91"/>
      <c r="K15" s="91"/>
      <c r="L15" s="91"/>
      <c r="M15" s="91"/>
      <c r="N15" s="91"/>
      <c r="O15" s="9"/>
      <c r="P15" s="9"/>
    </row>
    <row r="16" spans="1:16" x14ac:dyDescent="0.2">
      <c r="A16" s="91" t="s">
        <v>1</v>
      </c>
      <c r="B16" s="91"/>
      <c r="C16" s="91"/>
      <c r="D16" s="91"/>
      <c r="E16" s="91"/>
      <c r="F16" s="91"/>
      <c r="G16" s="91"/>
      <c r="H16" s="91"/>
      <c r="I16" s="91"/>
      <c r="J16" s="91"/>
      <c r="K16" s="91"/>
      <c r="L16" s="91"/>
      <c r="M16" s="91"/>
      <c r="N16" s="91"/>
      <c r="O16" s="2"/>
      <c r="P16" s="2"/>
    </row>
    <row r="17" spans="1:20" x14ac:dyDescent="0.2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 x14ac:dyDescent="0.2">
      <c r="A18" s="95" t="s">
        <v>2</v>
      </c>
      <c r="B18" s="91"/>
      <c r="C18" s="91"/>
      <c r="D18" s="91"/>
      <c r="E18" s="91"/>
      <c r="F18" s="91"/>
      <c r="G18" s="91"/>
      <c r="H18" s="91"/>
      <c r="I18" s="91"/>
      <c r="J18" s="91"/>
      <c r="K18" s="91"/>
      <c r="L18" s="91"/>
      <c r="M18" s="91"/>
      <c r="N18" s="91"/>
      <c r="O18" s="10"/>
      <c r="P18" s="10"/>
    </row>
    <row r="19" spans="1:20" ht="20.100000000000001" customHeight="1" x14ac:dyDescent="0.2">
      <c r="A19" s="96" t="s">
        <v>3</v>
      </c>
      <c r="B19" s="97"/>
      <c r="C19" s="97"/>
      <c r="D19" s="97"/>
      <c r="E19" s="97"/>
      <c r="F19" s="97"/>
      <c r="G19" s="97"/>
      <c r="H19" s="97"/>
      <c r="I19" s="97"/>
      <c r="J19" s="97"/>
      <c r="K19" s="97"/>
      <c r="L19" s="97"/>
      <c r="M19" s="97"/>
      <c r="N19" s="97"/>
      <c r="O19" s="9"/>
      <c r="P19" s="9"/>
    </row>
    <row r="20" spans="1:20" ht="20.100000000000001" customHeight="1" x14ac:dyDescent="0.2">
      <c r="A20" s="96" t="s">
        <v>87</v>
      </c>
      <c r="B20" s="98"/>
      <c r="C20" s="98"/>
      <c r="D20" s="98"/>
      <c r="E20" s="98"/>
      <c r="F20" s="98"/>
      <c r="G20" s="98"/>
      <c r="H20" s="98"/>
      <c r="I20" s="98"/>
      <c r="J20" s="98"/>
      <c r="K20" s="98"/>
      <c r="L20" s="98"/>
      <c r="M20" s="98"/>
      <c r="N20" s="91"/>
      <c r="O20" s="9"/>
      <c r="P20" s="9"/>
    </row>
    <row r="21" spans="1:20" ht="20.100000000000001" customHeight="1" x14ac:dyDescent="0.2">
      <c r="A21" s="100" t="s">
        <v>88</v>
      </c>
      <c r="B21" s="100"/>
      <c r="C21" s="100"/>
      <c r="D21" s="100"/>
      <c r="E21" s="100"/>
      <c r="F21" s="100"/>
      <c r="G21" s="100"/>
      <c r="H21" s="100"/>
      <c r="I21" s="100"/>
      <c r="J21" s="100"/>
      <c r="K21" s="100"/>
      <c r="L21" s="100"/>
      <c r="M21" s="100"/>
      <c r="N21" s="100"/>
      <c r="O21" s="9"/>
      <c r="P21" s="9"/>
    </row>
    <row r="22" spans="1:20" ht="20.100000000000001" customHeight="1" x14ac:dyDescent="0.2">
      <c r="A22" s="100" t="s">
        <v>89</v>
      </c>
      <c r="B22" s="100"/>
      <c r="C22" s="100"/>
      <c r="D22" s="100"/>
      <c r="E22" s="100"/>
      <c r="F22" s="100"/>
      <c r="G22" s="100"/>
      <c r="H22" s="100"/>
      <c r="I22" s="100"/>
      <c r="J22" s="100"/>
      <c r="K22" s="100"/>
      <c r="L22" s="100"/>
      <c r="M22" s="100"/>
      <c r="N22" s="100"/>
      <c r="O22" s="9"/>
      <c r="P22" s="9"/>
    </row>
    <row r="23" spans="1:20" ht="20.100000000000001" customHeight="1" x14ac:dyDescent="0.2">
      <c r="A23" s="96" t="s">
        <v>4</v>
      </c>
      <c r="B23" s="96"/>
      <c r="C23" s="96"/>
      <c r="D23" s="96"/>
      <c r="E23" s="96"/>
      <c r="F23" s="96"/>
      <c r="G23" s="96"/>
      <c r="H23" s="96"/>
      <c r="I23" s="96"/>
      <c r="J23" s="96"/>
      <c r="K23" s="96"/>
      <c r="L23" s="96"/>
      <c r="M23" s="96"/>
      <c r="N23" s="96"/>
      <c r="O23" s="9"/>
      <c r="P23" s="9"/>
    </row>
    <row r="24" spans="1:20" ht="18" customHeight="1" x14ac:dyDescent="0.2">
      <c r="A24" s="96" t="s">
        <v>82</v>
      </c>
      <c r="B24" s="97"/>
      <c r="C24" s="97"/>
      <c r="D24" s="97"/>
      <c r="E24" s="97"/>
      <c r="F24" s="97"/>
      <c r="G24" s="97"/>
      <c r="H24" s="97"/>
      <c r="I24" s="97"/>
      <c r="J24" s="97"/>
      <c r="K24" s="97"/>
      <c r="L24" s="97"/>
      <c r="M24" s="97"/>
      <c r="N24" s="97"/>
      <c r="O24" s="9"/>
      <c r="P24" s="9"/>
    </row>
    <row r="25" spans="1:20" ht="18" customHeight="1" x14ac:dyDescent="0.2">
      <c r="A25" s="50"/>
      <c r="B25" s="51"/>
      <c r="C25" s="51"/>
      <c r="D25" s="51"/>
      <c r="E25" s="51"/>
      <c r="F25" s="51"/>
      <c r="G25" s="51"/>
      <c r="H25" s="51"/>
      <c r="I25" s="51"/>
      <c r="J25" s="51"/>
      <c r="K25" s="51"/>
      <c r="L25" s="51"/>
      <c r="M25" s="51"/>
      <c r="N25" s="51"/>
      <c r="O25" s="9"/>
      <c r="P25" s="9"/>
    </row>
    <row r="26" spans="1:20" x14ac:dyDescent="0.2">
      <c r="A26" s="11"/>
      <c r="B26" s="11"/>
      <c r="C26" s="11"/>
      <c r="D26" s="11"/>
      <c r="E26" s="11"/>
      <c r="F26" s="11"/>
      <c r="G26" s="11"/>
      <c r="H26" s="11"/>
      <c r="I26" s="11"/>
      <c r="J26" s="11"/>
      <c r="K26" s="11"/>
      <c r="L26" s="11"/>
      <c r="M26" s="11"/>
      <c r="N26" s="11"/>
      <c r="O26" s="12"/>
      <c r="P26" s="12"/>
    </row>
    <row r="27" spans="1:20" ht="20.100000000000001" customHeight="1" x14ac:dyDescent="0.2">
      <c r="A27" s="99" t="s">
        <v>5</v>
      </c>
      <c r="B27" s="91"/>
      <c r="C27" s="91"/>
      <c r="D27" s="91"/>
      <c r="E27" s="91"/>
      <c r="F27" s="91"/>
      <c r="G27" s="91"/>
      <c r="H27" s="91"/>
      <c r="I27" s="91"/>
      <c r="J27" s="91"/>
      <c r="K27" s="91"/>
      <c r="L27" s="91"/>
      <c r="M27" s="91"/>
      <c r="N27" s="91"/>
      <c r="O27" s="13"/>
      <c r="P27" s="13"/>
    </row>
    <row r="28" spans="1:20" ht="20.100000000000001" customHeight="1" x14ac:dyDescent="0.2">
      <c r="A28" s="95" t="s">
        <v>86</v>
      </c>
      <c r="B28" s="95"/>
      <c r="C28" s="95"/>
      <c r="D28" s="95"/>
      <c r="E28" s="95"/>
      <c r="F28" s="95"/>
      <c r="G28" s="95"/>
      <c r="H28" s="95"/>
      <c r="I28" s="95"/>
      <c r="J28" s="95"/>
      <c r="K28" s="95"/>
      <c r="L28" s="95"/>
      <c r="M28" s="95"/>
      <c r="N28" s="91"/>
      <c r="O28" s="9"/>
      <c r="P28" s="9"/>
      <c r="Q28" s="1"/>
      <c r="R28" s="1"/>
      <c r="S28" s="1"/>
      <c r="T28" s="1"/>
    </row>
    <row r="29" spans="1:20" x14ac:dyDescent="0.2">
      <c r="A29" s="8"/>
      <c r="B29" s="8"/>
      <c r="C29" s="8"/>
      <c r="D29" s="8"/>
      <c r="E29" s="8"/>
      <c r="F29" s="8"/>
      <c r="G29" s="8"/>
      <c r="H29" s="8"/>
      <c r="I29" s="8"/>
      <c r="J29" s="8"/>
      <c r="K29" s="8"/>
      <c r="L29" s="8"/>
      <c r="M29" s="8"/>
      <c r="N29" s="8"/>
      <c r="O29" s="1"/>
      <c r="P29" s="1"/>
      <c r="Q29" s="1"/>
      <c r="R29" s="1"/>
      <c r="S29" s="1"/>
      <c r="T29" s="1"/>
    </row>
    <row r="30" spans="1:20" ht="36" customHeight="1" x14ac:dyDescent="0.2">
      <c r="A30" s="1"/>
      <c r="B30" s="14" t="s">
        <v>6</v>
      </c>
      <c r="C30" s="15" t="s">
        <v>7</v>
      </c>
      <c r="D30" s="16" t="s">
        <v>8</v>
      </c>
      <c r="E30" s="14" t="s">
        <v>9</v>
      </c>
      <c r="F30" s="14" t="s">
        <v>10</v>
      </c>
      <c r="G30" s="14" t="s">
        <v>11</v>
      </c>
      <c r="H30" s="14" t="s">
        <v>12</v>
      </c>
      <c r="I30" s="14" t="s">
        <v>13</v>
      </c>
      <c r="J30" s="14" t="s">
        <v>14</v>
      </c>
      <c r="K30" s="14" t="s">
        <v>15</v>
      </c>
      <c r="L30" s="14" t="s">
        <v>16</v>
      </c>
      <c r="M30" s="14" t="s">
        <v>17</v>
      </c>
      <c r="N30" s="1"/>
      <c r="O30" s="1"/>
      <c r="P30" s="1"/>
      <c r="Q30" s="1"/>
      <c r="R30" s="1"/>
      <c r="S30" s="1"/>
      <c r="T30" s="1"/>
    </row>
    <row r="31" spans="1:20" ht="23.1" customHeight="1" x14ac:dyDescent="0.2">
      <c r="A31" s="1"/>
      <c r="B31" s="17" t="s">
        <v>18</v>
      </c>
      <c r="C31" s="18">
        <f>中分類指数!C6</f>
        <v>111.9</v>
      </c>
      <c r="D31" s="19">
        <f>中分類指数!C7</f>
        <v>127</v>
      </c>
      <c r="E31" s="20">
        <f>中分類指数!C20</f>
        <v>102.7</v>
      </c>
      <c r="F31" s="21">
        <f>中分類指数!C23</f>
        <v>118.2</v>
      </c>
      <c r="G31" s="21">
        <f>中分類指数!C28</f>
        <v>121.1</v>
      </c>
      <c r="H31" s="21">
        <f>中分類指数!C35</f>
        <v>109.5</v>
      </c>
      <c r="I31" s="21">
        <f>中分類指数!C41</f>
        <v>103.3</v>
      </c>
      <c r="J31" s="21">
        <f>中分類指数!C45</f>
        <v>100.4</v>
      </c>
      <c r="K31" s="21">
        <f>中分類指数!I6</f>
        <v>91.6</v>
      </c>
      <c r="L31" s="21">
        <f>中分類指数!I10</f>
        <v>122.6</v>
      </c>
      <c r="M31" s="22">
        <f>中分類指数!I15</f>
        <v>107.4</v>
      </c>
      <c r="N31" s="1"/>
    </row>
    <row r="32" spans="1:20" ht="22.5" customHeight="1" x14ac:dyDescent="0.2">
      <c r="A32" s="1"/>
      <c r="B32" s="23" t="s">
        <v>19</v>
      </c>
      <c r="C32" s="18">
        <f>中分類指数!D6</f>
        <v>0.5</v>
      </c>
      <c r="D32" s="19">
        <f>中分類指数!D7</f>
        <v>0.6</v>
      </c>
      <c r="E32" s="24">
        <f>中分類指数!D20</f>
        <v>0.1</v>
      </c>
      <c r="F32" s="20">
        <f>中分類指数!D23</f>
        <v>3.6</v>
      </c>
      <c r="G32" s="20">
        <f>中分類指数!D28</f>
        <v>0.5</v>
      </c>
      <c r="H32" s="20">
        <f>中分類指数!D35</f>
        <v>-0.1</v>
      </c>
      <c r="I32" s="20">
        <f>中分類指数!D41</f>
        <v>0</v>
      </c>
      <c r="J32" s="20">
        <f>中分類指数!D45</f>
        <v>0.1</v>
      </c>
      <c r="K32" s="20">
        <f>中分類指数!J6</f>
        <v>0</v>
      </c>
      <c r="L32" s="20">
        <f>中分類指数!J10</f>
        <v>0.4</v>
      </c>
      <c r="M32" s="25">
        <f>中分類指数!J15</f>
        <v>0.3</v>
      </c>
      <c r="N32" s="1"/>
    </row>
    <row r="33" spans="1:14" ht="26.25" customHeight="1" x14ac:dyDescent="0.2">
      <c r="A33" s="1"/>
      <c r="B33" s="23" t="s">
        <v>83</v>
      </c>
      <c r="C33" s="18">
        <f>中分類指数!E6</f>
        <v>1.8</v>
      </c>
      <c r="D33" s="19">
        <f>中分類指数!E7</f>
        <v>4.7</v>
      </c>
      <c r="E33" s="21">
        <f>中分類指数!E20</f>
        <v>1.1000000000000001</v>
      </c>
      <c r="F33" s="21">
        <f>中分類指数!E23</f>
        <v>-2</v>
      </c>
      <c r="G33" s="21">
        <f>中分類指数!E28</f>
        <v>4.8</v>
      </c>
      <c r="H33" s="21">
        <f>中分類指数!E35</f>
        <v>-0.8</v>
      </c>
      <c r="I33" s="20">
        <f>中分類指数!E41</f>
        <v>-1.3</v>
      </c>
      <c r="J33" s="21">
        <f>中分類指数!E45</f>
        <v>2.9</v>
      </c>
      <c r="K33" s="21">
        <f>中分類指数!K6</f>
        <v>-8</v>
      </c>
      <c r="L33" s="20">
        <f>中分類指数!K10</f>
        <v>1.9</v>
      </c>
      <c r="M33" s="22">
        <f>中分類指数!K15</f>
        <v>1.2</v>
      </c>
      <c r="N33" s="1"/>
    </row>
    <row r="34" spans="1:14" x14ac:dyDescent="0.2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 x14ac:dyDescent="0.2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 x14ac:dyDescent="0.2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 x14ac:dyDescent="0.2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 x14ac:dyDescent="0.2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 x14ac:dyDescent="0.2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 x14ac:dyDescent="0.2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 x14ac:dyDescent="0.2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 x14ac:dyDescent="0.2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 x14ac:dyDescent="0.2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 x14ac:dyDescent="0.2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 x14ac:dyDescent="0.2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 x14ac:dyDescent="0.2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 x14ac:dyDescent="0.2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 x14ac:dyDescent="0.2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 x14ac:dyDescent="0.2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 x14ac:dyDescent="0.2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 x14ac:dyDescent="0.2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 x14ac:dyDescent="0.2"/>
    <row r="68" ht="12.75" customHeight="1" x14ac:dyDescent="0.2"/>
    <row r="69" ht="12.75" customHeight="1" x14ac:dyDescent="0.2"/>
    <row r="70" ht="12.75" customHeight="1" x14ac:dyDescent="0.2"/>
    <row r="71" ht="12.75" customHeight="1" x14ac:dyDescent="0.2"/>
    <row r="72" ht="12.75" customHeight="1" x14ac:dyDescent="0.2"/>
    <row r="73" ht="12.75" customHeight="1" x14ac:dyDescent="0.2"/>
    <row r="74" ht="12.75" customHeight="1" x14ac:dyDescent="0.2"/>
    <row r="75" ht="12.75" customHeight="1" x14ac:dyDescent="0.2"/>
    <row r="76" ht="12.75" customHeight="1" x14ac:dyDescent="0.2"/>
    <row r="77" ht="12.75" customHeight="1" x14ac:dyDescent="0.2"/>
    <row r="78" ht="12.75" customHeight="1" x14ac:dyDescent="0.2"/>
    <row r="79" ht="12.75" customHeight="1" x14ac:dyDescent="0.2"/>
    <row r="80" ht="12.75" customHeight="1" x14ac:dyDescent="0.2"/>
    <row r="81" ht="12.75" customHeight="1" x14ac:dyDescent="0.2"/>
    <row r="82" ht="12.75" customHeight="1" x14ac:dyDescent="0.2"/>
    <row r="83" ht="12.75" customHeight="1" x14ac:dyDescent="0.2"/>
    <row r="84" ht="12.75" customHeight="1" x14ac:dyDescent="0.2"/>
    <row r="85" ht="12.75" customHeight="1" x14ac:dyDescent="0.2"/>
    <row r="86" ht="12.75" customHeight="1" x14ac:dyDescent="0.2"/>
    <row r="87" ht="12.75" customHeight="1" x14ac:dyDescent="0.2"/>
    <row r="88" ht="12.75" customHeight="1" x14ac:dyDescent="0.2"/>
    <row r="89" ht="12.75" customHeight="1" x14ac:dyDescent="0.2"/>
    <row r="90" ht="12.75" customHeight="1" x14ac:dyDescent="0.2"/>
    <row r="91" ht="12.75" customHeight="1" x14ac:dyDescent="0.2"/>
    <row r="92" ht="12.75" customHeight="1" x14ac:dyDescent="0.2"/>
    <row r="93" ht="12.75" customHeight="1" x14ac:dyDescent="0.2"/>
    <row r="94" ht="12.75" customHeight="1" x14ac:dyDescent="0.2"/>
    <row r="95" ht="12.75" customHeight="1" x14ac:dyDescent="0.2"/>
    <row r="96" ht="12.75" customHeight="1" x14ac:dyDescent="0.2"/>
    <row r="97" ht="12.75" customHeight="1" x14ac:dyDescent="0.2"/>
    <row r="98" ht="12.75" customHeight="1" x14ac:dyDescent="0.2"/>
    <row r="99" ht="12.75" customHeight="1" x14ac:dyDescent="0.2"/>
    <row r="100" ht="12.75" customHeight="1" x14ac:dyDescent="0.2"/>
    <row r="101" ht="12.75" customHeight="1" x14ac:dyDescent="0.2"/>
    <row r="102" ht="12.75" customHeight="1" x14ac:dyDescent="0.2"/>
    <row r="103" ht="12.75" customHeight="1" x14ac:dyDescent="0.2"/>
    <row r="104" ht="12.75" customHeight="1" x14ac:dyDescent="0.2"/>
    <row r="105" ht="12.75" customHeight="1" x14ac:dyDescent="0.2"/>
    <row r="106" ht="12.75" customHeight="1" x14ac:dyDescent="0.2"/>
    <row r="107" ht="12.75" customHeight="1" x14ac:dyDescent="0.2"/>
    <row r="108" ht="12.75" customHeight="1" x14ac:dyDescent="0.2"/>
    <row r="109" ht="12.75" customHeight="1" x14ac:dyDescent="0.2"/>
    <row r="110" ht="12.75" customHeight="1" x14ac:dyDescent="0.2"/>
    <row r="111" ht="12.75" customHeight="1" x14ac:dyDescent="0.2"/>
    <row r="112" ht="12.75" customHeight="1" x14ac:dyDescent="0.2"/>
    <row r="113" ht="12.75" customHeight="1" x14ac:dyDescent="0.2"/>
    <row r="114" ht="12.75" customHeight="1" x14ac:dyDescent="0.2"/>
    <row r="115" ht="12.75" customHeight="1" x14ac:dyDescent="0.2"/>
    <row r="116" ht="12.75" customHeight="1" x14ac:dyDescent="0.2"/>
    <row r="117" ht="12.75" customHeight="1" x14ac:dyDescent="0.2"/>
    <row r="118" ht="12.75" customHeight="1" x14ac:dyDescent="0.2"/>
    <row r="119" ht="12.75" customHeight="1" x14ac:dyDescent="0.2"/>
    <row r="120" ht="12.75" customHeight="1" x14ac:dyDescent="0.2"/>
    <row r="121" ht="12.75" customHeight="1" x14ac:dyDescent="0.2"/>
    <row r="122" ht="12.75" customHeight="1" x14ac:dyDescent="0.2"/>
    <row r="123" ht="12.75" customHeight="1" x14ac:dyDescent="0.2"/>
    <row r="124" ht="12.75" customHeight="1" x14ac:dyDescent="0.2"/>
  </sheetData>
  <mergeCells count="19">
    <mergeCell ref="A28:N28"/>
    <mergeCell ref="A18:N18"/>
    <mergeCell ref="A19:N19"/>
    <mergeCell ref="A20:N20"/>
    <mergeCell ref="A27:N27"/>
    <mergeCell ref="A24:N24"/>
    <mergeCell ref="A21:N21"/>
    <mergeCell ref="A22:N22"/>
    <mergeCell ref="A23:N23"/>
    <mergeCell ref="A2:N2"/>
    <mergeCell ref="A4:N4"/>
    <mergeCell ref="A16:N16"/>
    <mergeCell ref="A9:N9"/>
    <mergeCell ref="A10:N10"/>
    <mergeCell ref="A11:N11"/>
    <mergeCell ref="A12:N12"/>
    <mergeCell ref="A13:N13"/>
    <mergeCell ref="A14:N14"/>
    <mergeCell ref="A15:N15"/>
  </mergeCells>
  <phoneticPr fontId="1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K48"/>
  <sheetViews>
    <sheetView zoomScaleNormal="100" workbookViewId="0">
      <selection sqref="A1:I1"/>
    </sheetView>
  </sheetViews>
  <sheetFormatPr defaultRowHeight="12" x14ac:dyDescent="0.15"/>
  <cols>
    <col min="1" max="1" width="2.5" style="38" customWidth="1"/>
    <col min="2" max="2" width="16.59765625" style="38" customWidth="1"/>
    <col min="3" max="5" width="9.59765625" style="53" customWidth="1"/>
    <col min="6" max="6" width="2.19921875" style="38" customWidth="1"/>
    <col min="7" max="7" width="2.5" style="38" customWidth="1"/>
    <col min="8" max="8" width="16.5" style="38" customWidth="1"/>
    <col min="9" max="11" width="9.59765625" style="53" customWidth="1"/>
    <col min="12" max="177" width="9" style="38"/>
    <col min="178" max="178" width="5.19921875" style="38" customWidth="1"/>
    <col min="179" max="179" width="16.69921875" style="38" customWidth="1"/>
    <col min="180" max="182" width="6.19921875" style="38" customWidth="1"/>
    <col min="183" max="183" width="2.19921875" style="38" customWidth="1"/>
    <col min="184" max="184" width="5.19921875" style="38" customWidth="1"/>
    <col min="185" max="185" width="16.69921875" style="38" customWidth="1"/>
    <col min="186" max="188" width="6.19921875" style="38" customWidth="1"/>
    <col min="189" max="433" width="9" style="38"/>
    <col min="434" max="434" width="5.19921875" style="38" customWidth="1"/>
    <col min="435" max="435" width="16.69921875" style="38" customWidth="1"/>
    <col min="436" max="438" width="6.19921875" style="38" customWidth="1"/>
    <col min="439" max="439" width="2.19921875" style="38" customWidth="1"/>
    <col min="440" max="440" width="5.19921875" style="38" customWidth="1"/>
    <col min="441" max="441" width="16.69921875" style="38" customWidth="1"/>
    <col min="442" max="444" width="6.19921875" style="38" customWidth="1"/>
    <col min="445" max="689" width="9" style="38"/>
    <col min="690" max="690" width="5.19921875" style="38" customWidth="1"/>
    <col min="691" max="691" width="16.69921875" style="38" customWidth="1"/>
    <col min="692" max="694" width="6.19921875" style="38" customWidth="1"/>
    <col min="695" max="695" width="2.19921875" style="38" customWidth="1"/>
    <col min="696" max="696" width="5.19921875" style="38" customWidth="1"/>
    <col min="697" max="697" width="16.69921875" style="38" customWidth="1"/>
    <col min="698" max="700" width="6.19921875" style="38" customWidth="1"/>
    <col min="701" max="945" width="9" style="38"/>
    <col min="946" max="946" width="5.19921875" style="38" customWidth="1"/>
    <col min="947" max="947" width="16.69921875" style="38" customWidth="1"/>
    <col min="948" max="950" width="6.19921875" style="38" customWidth="1"/>
    <col min="951" max="951" width="2.19921875" style="38" customWidth="1"/>
    <col min="952" max="952" width="5.19921875" style="38" customWidth="1"/>
    <col min="953" max="953" width="16.69921875" style="38" customWidth="1"/>
    <col min="954" max="956" width="6.19921875" style="38" customWidth="1"/>
    <col min="957" max="1201" width="9" style="38"/>
    <col min="1202" max="1202" width="5.19921875" style="38" customWidth="1"/>
    <col min="1203" max="1203" width="16.69921875" style="38" customWidth="1"/>
    <col min="1204" max="1206" width="6.19921875" style="38" customWidth="1"/>
    <col min="1207" max="1207" width="2.19921875" style="38" customWidth="1"/>
    <col min="1208" max="1208" width="5.19921875" style="38" customWidth="1"/>
    <col min="1209" max="1209" width="16.69921875" style="38" customWidth="1"/>
    <col min="1210" max="1212" width="6.19921875" style="38" customWidth="1"/>
    <col min="1213" max="1457" width="9" style="38"/>
    <col min="1458" max="1458" width="5.19921875" style="38" customWidth="1"/>
    <col min="1459" max="1459" width="16.69921875" style="38" customWidth="1"/>
    <col min="1460" max="1462" width="6.19921875" style="38" customWidth="1"/>
    <col min="1463" max="1463" width="2.19921875" style="38" customWidth="1"/>
    <col min="1464" max="1464" width="5.19921875" style="38" customWidth="1"/>
    <col min="1465" max="1465" width="16.69921875" style="38" customWidth="1"/>
    <col min="1466" max="1468" width="6.19921875" style="38" customWidth="1"/>
    <col min="1469" max="1713" width="9" style="38"/>
    <col min="1714" max="1714" width="5.19921875" style="38" customWidth="1"/>
    <col min="1715" max="1715" width="16.69921875" style="38" customWidth="1"/>
    <col min="1716" max="1718" width="6.19921875" style="38" customWidth="1"/>
    <col min="1719" max="1719" width="2.19921875" style="38" customWidth="1"/>
    <col min="1720" max="1720" width="5.19921875" style="38" customWidth="1"/>
    <col min="1721" max="1721" width="16.69921875" style="38" customWidth="1"/>
    <col min="1722" max="1724" width="6.19921875" style="38" customWidth="1"/>
    <col min="1725" max="1969" width="9" style="38"/>
    <col min="1970" max="1970" width="5.19921875" style="38" customWidth="1"/>
    <col min="1971" max="1971" width="16.69921875" style="38" customWidth="1"/>
    <col min="1972" max="1974" width="6.19921875" style="38" customWidth="1"/>
    <col min="1975" max="1975" width="2.19921875" style="38" customWidth="1"/>
    <col min="1976" max="1976" width="5.19921875" style="38" customWidth="1"/>
    <col min="1977" max="1977" width="16.69921875" style="38" customWidth="1"/>
    <col min="1978" max="1980" width="6.19921875" style="38" customWidth="1"/>
    <col min="1981" max="2225" width="9" style="38"/>
    <col min="2226" max="2226" width="5.19921875" style="38" customWidth="1"/>
    <col min="2227" max="2227" width="16.69921875" style="38" customWidth="1"/>
    <col min="2228" max="2230" width="6.19921875" style="38" customWidth="1"/>
    <col min="2231" max="2231" width="2.19921875" style="38" customWidth="1"/>
    <col min="2232" max="2232" width="5.19921875" style="38" customWidth="1"/>
    <col min="2233" max="2233" width="16.69921875" style="38" customWidth="1"/>
    <col min="2234" max="2236" width="6.19921875" style="38" customWidth="1"/>
    <col min="2237" max="2481" width="9" style="38"/>
    <col min="2482" max="2482" width="5.19921875" style="38" customWidth="1"/>
    <col min="2483" max="2483" width="16.69921875" style="38" customWidth="1"/>
    <col min="2484" max="2486" width="6.19921875" style="38" customWidth="1"/>
    <col min="2487" max="2487" width="2.19921875" style="38" customWidth="1"/>
    <col min="2488" max="2488" width="5.19921875" style="38" customWidth="1"/>
    <col min="2489" max="2489" width="16.69921875" style="38" customWidth="1"/>
    <col min="2490" max="2492" width="6.19921875" style="38" customWidth="1"/>
    <col min="2493" max="2737" width="9" style="38"/>
    <col min="2738" max="2738" width="5.19921875" style="38" customWidth="1"/>
    <col min="2739" max="2739" width="16.69921875" style="38" customWidth="1"/>
    <col min="2740" max="2742" width="6.19921875" style="38" customWidth="1"/>
    <col min="2743" max="2743" width="2.19921875" style="38" customWidth="1"/>
    <col min="2744" max="2744" width="5.19921875" style="38" customWidth="1"/>
    <col min="2745" max="2745" width="16.69921875" style="38" customWidth="1"/>
    <col min="2746" max="2748" width="6.19921875" style="38" customWidth="1"/>
    <col min="2749" max="2993" width="9" style="38"/>
    <col min="2994" max="2994" width="5.19921875" style="38" customWidth="1"/>
    <col min="2995" max="2995" width="16.69921875" style="38" customWidth="1"/>
    <col min="2996" max="2998" width="6.19921875" style="38" customWidth="1"/>
    <col min="2999" max="2999" width="2.19921875" style="38" customWidth="1"/>
    <col min="3000" max="3000" width="5.19921875" style="38" customWidth="1"/>
    <col min="3001" max="3001" width="16.69921875" style="38" customWidth="1"/>
    <col min="3002" max="3004" width="6.19921875" style="38" customWidth="1"/>
    <col min="3005" max="3249" width="9" style="38"/>
    <col min="3250" max="3250" width="5.19921875" style="38" customWidth="1"/>
    <col min="3251" max="3251" width="16.69921875" style="38" customWidth="1"/>
    <col min="3252" max="3254" width="6.19921875" style="38" customWidth="1"/>
    <col min="3255" max="3255" width="2.19921875" style="38" customWidth="1"/>
    <col min="3256" max="3256" width="5.19921875" style="38" customWidth="1"/>
    <col min="3257" max="3257" width="16.69921875" style="38" customWidth="1"/>
    <col min="3258" max="3260" width="6.19921875" style="38" customWidth="1"/>
    <col min="3261" max="3505" width="9" style="38"/>
    <col min="3506" max="3506" width="5.19921875" style="38" customWidth="1"/>
    <col min="3507" max="3507" width="16.69921875" style="38" customWidth="1"/>
    <col min="3508" max="3510" width="6.19921875" style="38" customWidth="1"/>
    <col min="3511" max="3511" width="2.19921875" style="38" customWidth="1"/>
    <col min="3512" max="3512" width="5.19921875" style="38" customWidth="1"/>
    <col min="3513" max="3513" width="16.69921875" style="38" customWidth="1"/>
    <col min="3514" max="3516" width="6.19921875" style="38" customWidth="1"/>
    <col min="3517" max="3761" width="9" style="38"/>
    <col min="3762" max="3762" width="5.19921875" style="38" customWidth="1"/>
    <col min="3763" max="3763" width="16.69921875" style="38" customWidth="1"/>
    <col min="3764" max="3766" width="6.19921875" style="38" customWidth="1"/>
    <col min="3767" max="3767" width="2.19921875" style="38" customWidth="1"/>
    <col min="3768" max="3768" width="5.19921875" style="38" customWidth="1"/>
    <col min="3769" max="3769" width="16.69921875" style="38" customWidth="1"/>
    <col min="3770" max="3772" width="6.19921875" style="38" customWidth="1"/>
    <col min="3773" max="4017" width="9" style="38"/>
    <col min="4018" max="4018" width="5.19921875" style="38" customWidth="1"/>
    <col min="4019" max="4019" width="16.69921875" style="38" customWidth="1"/>
    <col min="4020" max="4022" width="6.19921875" style="38" customWidth="1"/>
    <col min="4023" max="4023" width="2.19921875" style="38" customWidth="1"/>
    <col min="4024" max="4024" width="5.19921875" style="38" customWidth="1"/>
    <col min="4025" max="4025" width="16.69921875" style="38" customWidth="1"/>
    <col min="4026" max="4028" width="6.19921875" style="38" customWidth="1"/>
    <col min="4029" max="4273" width="9" style="38"/>
    <col min="4274" max="4274" width="5.19921875" style="38" customWidth="1"/>
    <col min="4275" max="4275" width="16.69921875" style="38" customWidth="1"/>
    <col min="4276" max="4278" width="6.19921875" style="38" customWidth="1"/>
    <col min="4279" max="4279" width="2.19921875" style="38" customWidth="1"/>
    <col min="4280" max="4280" width="5.19921875" style="38" customWidth="1"/>
    <col min="4281" max="4281" width="16.69921875" style="38" customWidth="1"/>
    <col min="4282" max="4284" width="6.19921875" style="38" customWidth="1"/>
    <col min="4285" max="4529" width="9" style="38"/>
    <col min="4530" max="4530" width="5.19921875" style="38" customWidth="1"/>
    <col min="4531" max="4531" width="16.69921875" style="38" customWidth="1"/>
    <col min="4532" max="4534" width="6.19921875" style="38" customWidth="1"/>
    <col min="4535" max="4535" width="2.19921875" style="38" customWidth="1"/>
    <col min="4536" max="4536" width="5.19921875" style="38" customWidth="1"/>
    <col min="4537" max="4537" width="16.69921875" style="38" customWidth="1"/>
    <col min="4538" max="4540" width="6.19921875" style="38" customWidth="1"/>
    <col min="4541" max="4785" width="9" style="38"/>
    <col min="4786" max="4786" width="5.19921875" style="38" customWidth="1"/>
    <col min="4787" max="4787" width="16.69921875" style="38" customWidth="1"/>
    <col min="4788" max="4790" width="6.19921875" style="38" customWidth="1"/>
    <col min="4791" max="4791" width="2.19921875" style="38" customWidth="1"/>
    <col min="4792" max="4792" width="5.19921875" style="38" customWidth="1"/>
    <col min="4793" max="4793" width="16.69921875" style="38" customWidth="1"/>
    <col min="4794" max="4796" width="6.19921875" style="38" customWidth="1"/>
    <col min="4797" max="5041" width="9" style="38"/>
    <col min="5042" max="5042" width="5.19921875" style="38" customWidth="1"/>
    <col min="5043" max="5043" width="16.69921875" style="38" customWidth="1"/>
    <col min="5044" max="5046" width="6.19921875" style="38" customWidth="1"/>
    <col min="5047" max="5047" width="2.19921875" style="38" customWidth="1"/>
    <col min="5048" max="5048" width="5.19921875" style="38" customWidth="1"/>
    <col min="5049" max="5049" width="16.69921875" style="38" customWidth="1"/>
    <col min="5050" max="5052" width="6.19921875" style="38" customWidth="1"/>
    <col min="5053" max="5297" width="9" style="38"/>
    <col min="5298" max="5298" width="5.19921875" style="38" customWidth="1"/>
    <col min="5299" max="5299" width="16.69921875" style="38" customWidth="1"/>
    <col min="5300" max="5302" width="6.19921875" style="38" customWidth="1"/>
    <col min="5303" max="5303" width="2.19921875" style="38" customWidth="1"/>
    <col min="5304" max="5304" width="5.19921875" style="38" customWidth="1"/>
    <col min="5305" max="5305" width="16.69921875" style="38" customWidth="1"/>
    <col min="5306" max="5308" width="6.19921875" style="38" customWidth="1"/>
    <col min="5309" max="5553" width="9" style="38"/>
    <col min="5554" max="5554" width="5.19921875" style="38" customWidth="1"/>
    <col min="5555" max="5555" width="16.69921875" style="38" customWidth="1"/>
    <col min="5556" max="5558" width="6.19921875" style="38" customWidth="1"/>
    <col min="5559" max="5559" width="2.19921875" style="38" customWidth="1"/>
    <col min="5560" max="5560" width="5.19921875" style="38" customWidth="1"/>
    <col min="5561" max="5561" width="16.69921875" style="38" customWidth="1"/>
    <col min="5562" max="5564" width="6.19921875" style="38" customWidth="1"/>
    <col min="5565" max="5809" width="9" style="38"/>
    <col min="5810" max="5810" width="5.19921875" style="38" customWidth="1"/>
    <col min="5811" max="5811" width="16.69921875" style="38" customWidth="1"/>
    <col min="5812" max="5814" width="6.19921875" style="38" customWidth="1"/>
    <col min="5815" max="5815" width="2.19921875" style="38" customWidth="1"/>
    <col min="5816" max="5816" width="5.19921875" style="38" customWidth="1"/>
    <col min="5817" max="5817" width="16.69921875" style="38" customWidth="1"/>
    <col min="5818" max="5820" width="6.19921875" style="38" customWidth="1"/>
    <col min="5821" max="6065" width="9" style="38"/>
    <col min="6066" max="6066" width="5.19921875" style="38" customWidth="1"/>
    <col min="6067" max="6067" width="16.69921875" style="38" customWidth="1"/>
    <col min="6068" max="6070" width="6.19921875" style="38" customWidth="1"/>
    <col min="6071" max="6071" width="2.19921875" style="38" customWidth="1"/>
    <col min="6072" max="6072" width="5.19921875" style="38" customWidth="1"/>
    <col min="6073" max="6073" width="16.69921875" style="38" customWidth="1"/>
    <col min="6074" max="6076" width="6.19921875" style="38" customWidth="1"/>
    <col min="6077" max="6321" width="9" style="38"/>
    <col min="6322" max="6322" width="5.19921875" style="38" customWidth="1"/>
    <col min="6323" max="6323" width="16.69921875" style="38" customWidth="1"/>
    <col min="6324" max="6326" width="6.19921875" style="38" customWidth="1"/>
    <col min="6327" max="6327" width="2.19921875" style="38" customWidth="1"/>
    <col min="6328" max="6328" width="5.19921875" style="38" customWidth="1"/>
    <col min="6329" max="6329" width="16.69921875" style="38" customWidth="1"/>
    <col min="6330" max="6332" width="6.19921875" style="38" customWidth="1"/>
    <col min="6333" max="6577" width="9" style="38"/>
    <col min="6578" max="6578" width="5.19921875" style="38" customWidth="1"/>
    <col min="6579" max="6579" width="16.69921875" style="38" customWidth="1"/>
    <col min="6580" max="6582" width="6.19921875" style="38" customWidth="1"/>
    <col min="6583" max="6583" width="2.19921875" style="38" customWidth="1"/>
    <col min="6584" max="6584" width="5.19921875" style="38" customWidth="1"/>
    <col min="6585" max="6585" width="16.69921875" style="38" customWidth="1"/>
    <col min="6586" max="6588" width="6.19921875" style="38" customWidth="1"/>
    <col min="6589" max="6833" width="9" style="38"/>
    <col min="6834" max="6834" width="5.19921875" style="38" customWidth="1"/>
    <col min="6835" max="6835" width="16.69921875" style="38" customWidth="1"/>
    <col min="6836" max="6838" width="6.19921875" style="38" customWidth="1"/>
    <col min="6839" max="6839" width="2.19921875" style="38" customWidth="1"/>
    <col min="6840" max="6840" width="5.19921875" style="38" customWidth="1"/>
    <col min="6841" max="6841" width="16.69921875" style="38" customWidth="1"/>
    <col min="6842" max="6844" width="6.19921875" style="38" customWidth="1"/>
    <col min="6845" max="7089" width="9" style="38"/>
    <col min="7090" max="7090" width="5.19921875" style="38" customWidth="1"/>
    <col min="7091" max="7091" width="16.69921875" style="38" customWidth="1"/>
    <col min="7092" max="7094" width="6.19921875" style="38" customWidth="1"/>
    <col min="7095" max="7095" width="2.19921875" style="38" customWidth="1"/>
    <col min="7096" max="7096" width="5.19921875" style="38" customWidth="1"/>
    <col min="7097" max="7097" width="16.69921875" style="38" customWidth="1"/>
    <col min="7098" max="7100" width="6.19921875" style="38" customWidth="1"/>
    <col min="7101" max="7345" width="9" style="38"/>
    <col min="7346" max="7346" width="5.19921875" style="38" customWidth="1"/>
    <col min="7347" max="7347" width="16.69921875" style="38" customWidth="1"/>
    <col min="7348" max="7350" width="6.19921875" style="38" customWidth="1"/>
    <col min="7351" max="7351" width="2.19921875" style="38" customWidth="1"/>
    <col min="7352" max="7352" width="5.19921875" style="38" customWidth="1"/>
    <col min="7353" max="7353" width="16.69921875" style="38" customWidth="1"/>
    <col min="7354" max="7356" width="6.19921875" style="38" customWidth="1"/>
    <col min="7357" max="7601" width="9" style="38"/>
    <col min="7602" max="7602" width="5.19921875" style="38" customWidth="1"/>
    <col min="7603" max="7603" width="16.69921875" style="38" customWidth="1"/>
    <col min="7604" max="7606" width="6.19921875" style="38" customWidth="1"/>
    <col min="7607" max="7607" width="2.19921875" style="38" customWidth="1"/>
    <col min="7608" max="7608" width="5.19921875" style="38" customWidth="1"/>
    <col min="7609" max="7609" width="16.69921875" style="38" customWidth="1"/>
    <col min="7610" max="7612" width="6.19921875" style="38" customWidth="1"/>
    <col min="7613" max="7857" width="9" style="38"/>
    <col min="7858" max="7858" width="5.19921875" style="38" customWidth="1"/>
    <col min="7859" max="7859" width="16.69921875" style="38" customWidth="1"/>
    <col min="7860" max="7862" width="6.19921875" style="38" customWidth="1"/>
    <col min="7863" max="7863" width="2.19921875" style="38" customWidth="1"/>
    <col min="7864" max="7864" width="5.19921875" style="38" customWidth="1"/>
    <col min="7865" max="7865" width="16.69921875" style="38" customWidth="1"/>
    <col min="7866" max="7868" width="6.19921875" style="38" customWidth="1"/>
    <col min="7869" max="8113" width="9" style="38"/>
    <col min="8114" max="8114" width="5.19921875" style="38" customWidth="1"/>
    <col min="8115" max="8115" width="16.69921875" style="38" customWidth="1"/>
    <col min="8116" max="8118" width="6.19921875" style="38" customWidth="1"/>
    <col min="8119" max="8119" width="2.19921875" style="38" customWidth="1"/>
    <col min="8120" max="8120" width="5.19921875" style="38" customWidth="1"/>
    <col min="8121" max="8121" width="16.69921875" style="38" customWidth="1"/>
    <col min="8122" max="8124" width="6.19921875" style="38" customWidth="1"/>
    <col min="8125" max="8369" width="9" style="38"/>
    <col min="8370" max="8370" width="5.19921875" style="38" customWidth="1"/>
    <col min="8371" max="8371" width="16.69921875" style="38" customWidth="1"/>
    <col min="8372" max="8374" width="6.19921875" style="38" customWidth="1"/>
    <col min="8375" max="8375" width="2.19921875" style="38" customWidth="1"/>
    <col min="8376" max="8376" width="5.19921875" style="38" customWidth="1"/>
    <col min="8377" max="8377" width="16.69921875" style="38" customWidth="1"/>
    <col min="8378" max="8380" width="6.19921875" style="38" customWidth="1"/>
    <col min="8381" max="8625" width="9" style="38"/>
    <col min="8626" max="8626" width="5.19921875" style="38" customWidth="1"/>
    <col min="8627" max="8627" width="16.69921875" style="38" customWidth="1"/>
    <col min="8628" max="8630" width="6.19921875" style="38" customWidth="1"/>
    <col min="8631" max="8631" width="2.19921875" style="38" customWidth="1"/>
    <col min="8632" max="8632" width="5.19921875" style="38" customWidth="1"/>
    <col min="8633" max="8633" width="16.69921875" style="38" customWidth="1"/>
    <col min="8634" max="8636" width="6.19921875" style="38" customWidth="1"/>
    <col min="8637" max="8881" width="9" style="38"/>
    <col min="8882" max="8882" width="5.19921875" style="38" customWidth="1"/>
    <col min="8883" max="8883" width="16.69921875" style="38" customWidth="1"/>
    <col min="8884" max="8886" width="6.19921875" style="38" customWidth="1"/>
    <col min="8887" max="8887" width="2.19921875" style="38" customWidth="1"/>
    <col min="8888" max="8888" width="5.19921875" style="38" customWidth="1"/>
    <col min="8889" max="8889" width="16.69921875" style="38" customWidth="1"/>
    <col min="8890" max="8892" width="6.19921875" style="38" customWidth="1"/>
    <col min="8893" max="9137" width="9" style="38"/>
    <col min="9138" max="9138" width="5.19921875" style="38" customWidth="1"/>
    <col min="9139" max="9139" width="16.69921875" style="38" customWidth="1"/>
    <col min="9140" max="9142" width="6.19921875" style="38" customWidth="1"/>
    <col min="9143" max="9143" width="2.19921875" style="38" customWidth="1"/>
    <col min="9144" max="9144" width="5.19921875" style="38" customWidth="1"/>
    <col min="9145" max="9145" width="16.69921875" style="38" customWidth="1"/>
    <col min="9146" max="9148" width="6.19921875" style="38" customWidth="1"/>
    <col min="9149" max="9393" width="9" style="38"/>
    <col min="9394" max="9394" width="5.19921875" style="38" customWidth="1"/>
    <col min="9395" max="9395" width="16.69921875" style="38" customWidth="1"/>
    <col min="9396" max="9398" width="6.19921875" style="38" customWidth="1"/>
    <col min="9399" max="9399" width="2.19921875" style="38" customWidth="1"/>
    <col min="9400" max="9400" width="5.19921875" style="38" customWidth="1"/>
    <col min="9401" max="9401" width="16.69921875" style="38" customWidth="1"/>
    <col min="9402" max="9404" width="6.19921875" style="38" customWidth="1"/>
    <col min="9405" max="9649" width="9" style="38"/>
    <col min="9650" max="9650" width="5.19921875" style="38" customWidth="1"/>
    <col min="9651" max="9651" width="16.69921875" style="38" customWidth="1"/>
    <col min="9652" max="9654" width="6.19921875" style="38" customWidth="1"/>
    <col min="9655" max="9655" width="2.19921875" style="38" customWidth="1"/>
    <col min="9656" max="9656" width="5.19921875" style="38" customWidth="1"/>
    <col min="9657" max="9657" width="16.69921875" style="38" customWidth="1"/>
    <col min="9658" max="9660" width="6.19921875" style="38" customWidth="1"/>
    <col min="9661" max="9905" width="9" style="38"/>
    <col min="9906" max="9906" width="5.19921875" style="38" customWidth="1"/>
    <col min="9907" max="9907" width="16.69921875" style="38" customWidth="1"/>
    <col min="9908" max="9910" width="6.19921875" style="38" customWidth="1"/>
    <col min="9911" max="9911" width="2.19921875" style="38" customWidth="1"/>
    <col min="9912" max="9912" width="5.19921875" style="38" customWidth="1"/>
    <col min="9913" max="9913" width="16.69921875" style="38" customWidth="1"/>
    <col min="9914" max="9916" width="6.19921875" style="38" customWidth="1"/>
    <col min="9917" max="10161" width="9" style="38"/>
    <col min="10162" max="10162" width="5.19921875" style="38" customWidth="1"/>
    <col min="10163" max="10163" width="16.69921875" style="38" customWidth="1"/>
    <col min="10164" max="10166" width="6.19921875" style="38" customWidth="1"/>
    <col min="10167" max="10167" width="2.19921875" style="38" customWidth="1"/>
    <col min="10168" max="10168" width="5.19921875" style="38" customWidth="1"/>
    <col min="10169" max="10169" width="16.69921875" style="38" customWidth="1"/>
    <col min="10170" max="10172" width="6.19921875" style="38" customWidth="1"/>
    <col min="10173" max="10417" width="9" style="38"/>
    <col min="10418" max="10418" width="5.19921875" style="38" customWidth="1"/>
    <col min="10419" max="10419" width="16.69921875" style="38" customWidth="1"/>
    <col min="10420" max="10422" width="6.19921875" style="38" customWidth="1"/>
    <col min="10423" max="10423" width="2.19921875" style="38" customWidth="1"/>
    <col min="10424" max="10424" width="5.19921875" style="38" customWidth="1"/>
    <col min="10425" max="10425" width="16.69921875" style="38" customWidth="1"/>
    <col min="10426" max="10428" width="6.19921875" style="38" customWidth="1"/>
    <col min="10429" max="10673" width="9" style="38"/>
    <col min="10674" max="10674" width="5.19921875" style="38" customWidth="1"/>
    <col min="10675" max="10675" width="16.69921875" style="38" customWidth="1"/>
    <col min="10676" max="10678" width="6.19921875" style="38" customWidth="1"/>
    <col min="10679" max="10679" width="2.19921875" style="38" customWidth="1"/>
    <col min="10680" max="10680" width="5.19921875" style="38" customWidth="1"/>
    <col min="10681" max="10681" width="16.69921875" style="38" customWidth="1"/>
    <col min="10682" max="10684" width="6.19921875" style="38" customWidth="1"/>
    <col min="10685" max="10929" width="9" style="38"/>
    <col min="10930" max="10930" width="5.19921875" style="38" customWidth="1"/>
    <col min="10931" max="10931" width="16.69921875" style="38" customWidth="1"/>
    <col min="10932" max="10934" width="6.19921875" style="38" customWidth="1"/>
    <col min="10935" max="10935" width="2.19921875" style="38" customWidth="1"/>
    <col min="10936" max="10936" width="5.19921875" style="38" customWidth="1"/>
    <col min="10937" max="10937" width="16.69921875" style="38" customWidth="1"/>
    <col min="10938" max="10940" width="6.19921875" style="38" customWidth="1"/>
    <col min="10941" max="11185" width="9" style="38"/>
    <col min="11186" max="11186" width="5.19921875" style="38" customWidth="1"/>
    <col min="11187" max="11187" width="16.69921875" style="38" customWidth="1"/>
    <col min="11188" max="11190" width="6.19921875" style="38" customWidth="1"/>
    <col min="11191" max="11191" width="2.19921875" style="38" customWidth="1"/>
    <col min="11192" max="11192" width="5.19921875" style="38" customWidth="1"/>
    <col min="11193" max="11193" width="16.69921875" style="38" customWidth="1"/>
    <col min="11194" max="11196" width="6.19921875" style="38" customWidth="1"/>
    <col min="11197" max="11441" width="9" style="38"/>
    <col min="11442" max="11442" width="5.19921875" style="38" customWidth="1"/>
    <col min="11443" max="11443" width="16.69921875" style="38" customWidth="1"/>
    <col min="11444" max="11446" width="6.19921875" style="38" customWidth="1"/>
    <col min="11447" max="11447" width="2.19921875" style="38" customWidth="1"/>
    <col min="11448" max="11448" width="5.19921875" style="38" customWidth="1"/>
    <col min="11449" max="11449" width="16.69921875" style="38" customWidth="1"/>
    <col min="11450" max="11452" width="6.19921875" style="38" customWidth="1"/>
    <col min="11453" max="14668" width="9" style="38"/>
    <col min="14669" max="16381" width="9" style="38" customWidth="1"/>
    <col min="16382" max="16384" width="9" style="38"/>
  </cols>
  <sheetData>
    <row r="1" spans="1:11" ht="21.75" customHeight="1" x14ac:dyDescent="0.2">
      <c r="A1" s="105" t="s">
        <v>91</v>
      </c>
      <c r="B1" s="105"/>
      <c r="C1" s="105"/>
      <c r="D1" s="105"/>
      <c r="E1" s="105"/>
      <c r="F1" s="105"/>
      <c r="G1" s="105"/>
      <c r="H1" s="105"/>
      <c r="I1" s="105"/>
      <c r="J1" s="106" t="str">
        <f>LEFT('消費者物価指数の概要 '!A6,LEN('消費者物価指数の概要 '!A6)-1)</f>
        <v>２０２６年５月</v>
      </c>
      <c r="K1" s="106"/>
    </row>
    <row r="2" spans="1:11" ht="15.75" customHeight="1" x14ac:dyDescent="0.2">
      <c r="A2" s="52"/>
      <c r="B2" s="52"/>
      <c r="C2" s="52"/>
      <c r="D2" s="52"/>
      <c r="E2" s="52"/>
      <c r="F2" s="52"/>
      <c r="G2" s="52"/>
      <c r="H2" s="52"/>
      <c r="I2" s="52"/>
      <c r="J2" s="52"/>
      <c r="K2" s="52"/>
    </row>
    <row r="3" spans="1:11" ht="15.75" customHeight="1" x14ac:dyDescent="0.2">
      <c r="A3" s="101" t="s">
        <v>20</v>
      </c>
      <c r="B3" s="102"/>
      <c r="G3" s="54"/>
      <c r="H3" s="55"/>
      <c r="I3" s="56"/>
      <c r="J3" s="56"/>
      <c r="K3" s="56"/>
    </row>
    <row r="4" spans="1:11" ht="15.75" customHeight="1" x14ac:dyDescent="0.2">
      <c r="A4" s="57"/>
      <c r="B4" s="58"/>
      <c r="G4" s="54"/>
      <c r="H4" s="59"/>
      <c r="I4" s="56"/>
      <c r="J4" s="56"/>
      <c r="K4" s="56"/>
    </row>
    <row r="5" spans="1:11" ht="42.75" customHeight="1" x14ac:dyDescent="0.15">
      <c r="A5" s="103" t="s">
        <v>21</v>
      </c>
      <c r="B5" s="104"/>
      <c r="C5" s="60" t="s">
        <v>22</v>
      </c>
      <c r="D5" s="61" t="s">
        <v>23</v>
      </c>
      <c r="E5" s="62" t="s">
        <v>24</v>
      </c>
      <c r="G5" s="103" t="s">
        <v>21</v>
      </c>
      <c r="H5" s="104"/>
      <c r="I5" s="60" t="s">
        <v>22</v>
      </c>
      <c r="J5" s="61" t="s">
        <v>23</v>
      </c>
      <c r="K5" s="62" t="s">
        <v>24</v>
      </c>
    </row>
    <row r="6" spans="1:11" ht="16.2" customHeight="1" x14ac:dyDescent="0.2">
      <c r="A6" s="63" t="s">
        <v>25</v>
      </c>
      <c r="B6" s="64"/>
      <c r="C6" s="26">
        <v>111.9</v>
      </c>
      <c r="D6" s="26">
        <v>0.5</v>
      </c>
      <c r="E6" s="27">
        <v>1.8</v>
      </c>
      <c r="G6" s="65" t="s">
        <v>26</v>
      </c>
      <c r="H6" s="66"/>
      <c r="I6" s="67">
        <v>91.6</v>
      </c>
      <c r="J6" s="68">
        <v>0</v>
      </c>
      <c r="K6" s="69">
        <v>-8</v>
      </c>
    </row>
    <row r="7" spans="1:11" ht="16.2" customHeight="1" x14ac:dyDescent="0.2">
      <c r="A7" s="70" t="s">
        <v>27</v>
      </c>
      <c r="B7" s="71"/>
      <c r="C7" s="28">
        <v>127</v>
      </c>
      <c r="D7" s="28">
        <v>0.6</v>
      </c>
      <c r="E7" s="29">
        <v>4.7</v>
      </c>
      <c r="G7" s="47"/>
      <c r="H7" s="72" t="s">
        <v>28</v>
      </c>
      <c r="I7" s="30">
        <v>83.1</v>
      </c>
      <c r="J7" s="31">
        <v>0</v>
      </c>
      <c r="K7" s="32">
        <v>-12.8</v>
      </c>
    </row>
    <row r="8" spans="1:11" ht="16.2" customHeight="1" x14ac:dyDescent="0.2">
      <c r="A8" s="47"/>
      <c r="B8" s="73" t="s">
        <v>29</v>
      </c>
      <c r="C8" s="35">
        <v>134.80000000000001</v>
      </c>
      <c r="D8" s="35">
        <v>1.5</v>
      </c>
      <c r="E8" s="37">
        <v>1.5</v>
      </c>
      <c r="G8" s="47"/>
      <c r="H8" s="74" t="s">
        <v>30</v>
      </c>
      <c r="I8" s="34">
        <v>111.4</v>
      </c>
      <c r="J8" s="35">
        <v>0</v>
      </c>
      <c r="K8" s="36">
        <v>1.4</v>
      </c>
    </row>
    <row r="9" spans="1:11" ht="16.2" customHeight="1" x14ac:dyDescent="0.2">
      <c r="A9" s="47"/>
      <c r="B9" s="75" t="s">
        <v>31</v>
      </c>
      <c r="C9" s="35">
        <v>130.30000000000001</v>
      </c>
      <c r="D9" s="35">
        <v>-1.1000000000000001</v>
      </c>
      <c r="E9" s="37">
        <v>6.8</v>
      </c>
      <c r="G9" s="76"/>
      <c r="H9" s="77" t="s">
        <v>32</v>
      </c>
      <c r="I9" s="30">
        <v>114.7</v>
      </c>
      <c r="J9" s="31">
        <v>0</v>
      </c>
      <c r="K9" s="32">
        <v>3.1</v>
      </c>
    </row>
    <row r="10" spans="1:11" ht="16.2" customHeight="1" x14ac:dyDescent="0.2">
      <c r="A10" s="47"/>
      <c r="B10" s="75" t="s">
        <v>33</v>
      </c>
      <c r="C10" s="35">
        <v>120</v>
      </c>
      <c r="D10" s="35">
        <v>0.4</v>
      </c>
      <c r="E10" s="37">
        <v>1.8</v>
      </c>
      <c r="G10" s="65" t="s">
        <v>34</v>
      </c>
      <c r="H10" s="66"/>
      <c r="I10" s="67">
        <v>122.6</v>
      </c>
      <c r="J10" s="68">
        <v>0.4</v>
      </c>
      <c r="K10" s="69">
        <v>1.9</v>
      </c>
    </row>
    <row r="11" spans="1:11" ht="16.2" customHeight="1" x14ac:dyDescent="0.2">
      <c r="A11" s="47"/>
      <c r="B11" s="75" t="s">
        <v>35</v>
      </c>
      <c r="C11" s="35">
        <v>128.1</v>
      </c>
      <c r="D11" s="35">
        <v>0.8</v>
      </c>
      <c r="E11" s="37">
        <v>7.3</v>
      </c>
      <c r="G11" s="47"/>
      <c r="H11" s="78" t="s">
        <v>36</v>
      </c>
      <c r="I11" s="30">
        <v>106.3</v>
      </c>
      <c r="J11" s="31">
        <v>0.2</v>
      </c>
      <c r="K11" s="32">
        <v>-2.7</v>
      </c>
    </row>
    <row r="12" spans="1:11" ht="14.4" x14ac:dyDescent="0.2">
      <c r="A12" s="47"/>
      <c r="B12" s="48" t="s">
        <v>37</v>
      </c>
      <c r="C12" s="35">
        <v>122.1</v>
      </c>
      <c r="D12" s="35">
        <v>-1.7</v>
      </c>
      <c r="E12" s="37">
        <v>7.4</v>
      </c>
      <c r="G12" s="47"/>
      <c r="H12" s="48" t="s">
        <v>38</v>
      </c>
      <c r="I12" s="34">
        <v>113.7</v>
      </c>
      <c r="J12" s="35">
        <v>1.5</v>
      </c>
      <c r="K12" s="36">
        <v>3.6</v>
      </c>
    </row>
    <row r="13" spans="1:11" ht="16.2" customHeight="1" x14ac:dyDescent="0.2">
      <c r="A13" s="47"/>
      <c r="B13" s="48" t="s">
        <v>39</v>
      </c>
      <c r="C13" s="35">
        <v>125.4</v>
      </c>
      <c r="D13" s="35">
        <v>6.5</v>
      </c>
      <c r="E13" s="37">
        <v>0.4</v>
      </c>
      <c r="G13" s="47"/>
      <c r="H13" s="48" t="s">
        <v>40</v>
      </c>
      <c r="I13" s="34">
        <v>118.8</v>
      </c>
      <c r="J13" s="35">
        <v>0.1</v>
      </c>
      <c r="K13" s="36">
        <v>2.1</v>
      </c>
    </row>
    <row r="14" spans="1:11" ht="16.2" customHeight="1" x14ac:dyDescent="0.2">
      <c r="A14" s="47"/>
      <c r="B14" s="48" t="s">
        <v>41</v>
      </c>
      <c r="C14" s="35">
        <v>120.3</v>
      </c>
      <c r="D14" s="35">
        <v>0.6</v>
      </c>
      <c r="E14" s="37">
        <v>3.3</v>
      </c>
      <c r="G14" s="76"/>
      <c r="H14" s="77" t="s">
        <v>42</v>
      </c>
      <c r="I14" s="30">
        <v>128.4</v>
      </c>
      <c r="J14" s="31">
        <v>0.2</v>
      </c>
      <c r="K14" s="32">
        <v>1.9</v>
      </c>
    </row>
    <row r="15" spans="1:11" ht="16.2" customHeight="1" x14ac:dyDescent="0.2">
      <c r="A15" s="47"/>
      <c r="B15" s="48" t="s">
        <v>43</v>
      </c>
      <c r="C15" s="35">
        <v>141</v>
      </c>
      <c r="D15" s="35">
        <v>0.8</v>
      </c>
      <c r="E15" s="37">
        <v>10.3</v>
      </c>
      <c r="G15" s="65" t="s">
        <v>44</v>
      </c>
      <c r="H15" s="66"/>
      <c r="I15" s="28">
        <v>107.4</v>
      </c>
      <c r="J15" s="28">
        <v>0.3</v>
      </c>
      <c r="K15" s="29">
        <v>1.2</v>
      </c>
    </row>
    <row r="16" spans="1:11" ht="16.2" customHeight="1" x14ac:dyDescent="0.2">
      <c r="A16" s="47"/>
      <c r="B16" s="48" t="s">
        <v>45</v>
      </c>
      <c r="C16" s="35">
        <v>129.5</v>
      </c>
      <c r="D16" s="35">
        <v>2</v>
      </c>
      <c r="E16" s="37">
        <v>6.7</v>
      </c>
      <c r="G16" s="47"/>
      <c r="H16" s="72" t="s">
        <v>46</v>
      </c>
      <c r="I16" s="30">
        <v>114.1</v>
      </c>
      <c r="J16" s="31">
        <v>0</v>
      </c>
      <c r="K16" s="32">
        <v>1.7</v>
      </c>
    </row>
    <row r="17" spans="1:11" ht="16.2" customHeight="1" x14ac:dyDescent="0.2">
      <c r="A17" s="47"/>
      <c r="B17" s="48" t="s">
        <v>47</v>
      </c>
      <c r="C17" s="35">
        <v>130.19999999999999</v>
      </c>
      <c r="D17" s="35">
        <v>0.1</v>
      </c>
      <c r="E17" s="37">
        <v>8.8000000000000007</v>
      </c>
      <c r="G17" s="47"/>
      <c r="H17" s="48" t="s">
        <v>48</v>
      </c>
      <c r="I17" s="34">
        <v>108.5</v>
      </c>
      <c r="J17" s="35">
        <v>0.7</v>
      </c>
      <c r="K17" s="36">
        <v>2.7</v>
      </c>
    </row>
    <row r="18" spans="1:11" ht="16.2" customHeight="1" x14ac:dyDescent="0.2">
      <c r="A18" s="47"/>
      <c r="B18" s="48" t="s">
        <v>49</v>
      </c>
      <c r="C18" s="35">
        <v>114.6</v>
      </c>
      <c r="D18" s="35">
        <v>-0.7</v>
      </c>
      <c r="E18" s="37">
        <v>-0.7</v>
      </c>
      <c r="G18" s="47"/>
      <c r="H18" s="48" t="s">
        <v>50</v>
      </c>
      <c r="I18" s="34">
        <v>109.4</v>
      </c>
      <c r="J18" s="35">
        <v>1.6</v>
      </c>
      <c r="K18" s="36">
        <v>0.3</v>
      </c>
    </row>
    <row r="19" spans="1:11" ht="16.2" customHeight="1" x14ac:dyDescent="0.2">
      <c r="A19" s="47"/>
      <c r="B19" s="77" t="s">
        <v>51</v>
      </c>
      <c r="C19" s="35">
        <v>123.9</v>
      </c>
      <c r="D19" s="35">
        <v>0.3</v>
      </c>
      <c r="E19" s="37">
        <v>1.4</v>
      </c>
      <c r="G19" s="47"/>
      <c r="H19" s="48" t="s">
        <v>52</v>
      </c>
      <c r="I19" s="34">
        <v>117</v>
      </c>
      <c r="J19" s="35">
        <v>0</v>
      </c>
      <c r="K19" s="36">
        <v>1.7</v>
      </c>
    </row>
    <row r="20" spans="1:11" ht="16.2" customHeight="1" x14ac:dyDescent="0.2">
      <c r="A20" s="65" t="s">
        <v>53</v>
      </c>
      <c r="B20" s="66"/>
      <c r="C20" s="79">
        <v>102.7</v>
      </c>
      <c r="D20" s="28">
        <v>0.1</v>
      </c>
      <c r="E20" s="80">
        <v>1.1000000000000001</v>
      </c>
      <c r="G20" s="81"/>
      <c r="H20" s="48" t="s">
        <v>54</v>
      </c>
      <c r="I20" s="31">
        <v>102.2</v>
      </c>
      <c r="J20" s="31">
        <v>0</v>
      </c>
      <c r="K20" s="39">
        <v>0.3</v>
      </c>
    </row>
    <row r="21" spans="1:11" ht="16.2" customHeight="1" x14ac:dyDescent="0.2">
      <c r="A21" s="47"/>
      <c r="B21" s="73" t="s">
        <v>55</v>
      </c>
      <c r="C21" s="40">
        <v>101.3</v>
      </c>
      <c r="D21" s="35">
        <v>0</v>
      </c>
      <c r="E21" s="36">
        <v>0.5</v>
      </c>
      <c r="G21" s="54"/>
      <c r="H21" s="82"/>
      <c r="I21" s="83"/>
      <c r="J21" s="83"/>
      <c r="K21" s="83"/>
    </row>
    <row r="22" spans="1:11" ht="16.2" customHeight="1" x14ac:dyDescent="0.2">
      <c r="A22" s="76"/>
      <c r="B22" s="84" t="s">
        <v>56</v>
      </c>
      <c r="C22" s="41">
        <v>121.6</v>
      </c>
      <c r="D22" s="42">
        <v>1.3</v>
      </c>
      <c r="E22" s="43">
        <v>9.6999999999999993</v>
      </c>
      <c r="G22" s="54"/>
      <c r="H22" s="85"/>
      <c r="I22" s="44"/>
      <c r="J22" s="44"/>
      <c r="K22" s="44"/>
    </row>
    <row r="23" spans="1:11" ht="16.2" customHeight="1" x14ac:dyDescent="0.2">
      <c r="A23" s="65" t="s">
        <v>57</v>
      </c>
      <c r="B23" s="66"/>
      <c r="C23" s="79">
        <v>118.2</v>
      </c>
      <c r="D23" s="28">
        <v>3.6</v>
      </c>
      <c r="E23" s="80">
        <v>-2</v>
      </c>
      <c r="G23" s="54"/>
      <c r="H23" s="85"/>
      <c r="I23" s="44"/>
      <c r="J23" s="44"/>
      <c r="K23" s="44"/>
    </row>
    <row r="24" spans="1:11" ht="16.2" customHeight="1" x14ac:dyDescent="0.2">
      <c r="A24" s="47"/>
      <c r="B24" s="72" t="s">
        <v>58</v>
      </c>
      <c r="C24" s="45">
        <v>124.6</v>
      </c>
      <c r="D24" s="33">
        <v>5.2</v>
      </c>
      <c r="E24" s="46">
        <v>-2.7</v>
      </c>
      <c r="G24" s="54"/>
      <c r="H24" s="85"/>
      <c r="I24" s="44"/>
      <c r="J24" s="44"/>
      <c r="K24" s="44"/>
    </row>
    <row r="25" spans="1:11" ht="16.2" customHeight="1" x14ac:dyDescent="0.2">
      <c r="A25" s="47"/>
      <c r="B25" s="48" t="s">
        <v>59</v>
      </c>
      <c r="C25" s="34">
        <v>120.7</v>
      </c>
      <c r="D25" s="35">
        <v>3.4</v>
      </c>
      <c r="E25" s="36">
        <v>-2.9</v>
      </c>
      <c r="G25" s="54"/>
      <c r="H25" s="85"/>
      <c r="I25" s="44"/>
      <c r="J25" s="44"/>
      <c r="K25" s="44"/>
    </row>
    <row r="26" spans="1:11" ht="16.2" customHeight="1" x14ac:dyDescent="0.2">
      <c r="A26" s="47"/>
      <c r="B26" s="48" t="s">
        <v>60</v>
      </c>
      <c r="C26" s="34">
        <v>163.1</v>
      </c>
      <c r="D26" s="35">
        <v>0</v>
      </c>
      <c r="E26" s="36">
        <v>12.4</v>
      </c>
      <c r="G26" s="54"/>
      <c r="H26" s="85"/>
      <c r="I26" s="44"/>
      <c r="J26" s="44"/>
      <c r="K26" s="44"/>
    </row>
    <row r="27" spans="1:11" ht="16.2" customHeight="1" x14ac:dyDescent="0.2">
      <c r="A27" s="76"/>
      <c r="B27" s="77" t="s">
        <v>61</v>
      </c>
      <c r="C27" s="40">
        <v>100</v>
      </c>
      <c r="D27" s="35">
        <v>0</v>
      </c>
      <c r="E27" s="36">
        <v>0</v>
      </c>
      <c r="G27" s="54"/>
      <c r="H27" s="85"/>
      <c r="I27" s="44"/>
      <c r="J27" s="44"/>
      <c r="K27" s="44"/>
    </row>
    <row r="28" spans="1:11" ht="16.2" customHeight="1" x14ac:dyDescent="0.2">
      <c r="A28" s="65" t="s">
        <v>62</v>
      </c>
      <c r="B28" s="66"/>
      <c r="C28" s="79">
        <v>121.1</v>
      </c>
      <c r="D28" s="28">
        <v>0.5</v>
      </c>
      <c r="E28" s="80">
        <v>4.8</v>
      </c>
      <c r="G28" s="54"/>
      <c r="H28" s="85"/>
      <c r="I28" s="44"/>
      <c r="J28" s="44"/>
      <c r="K28" s="44"/>
    </row>
    <row r="29" spans="1:11" ht="16.2" customHeight="1" x14ac:dyDescent="0.2">
      <c r="A29" s="47"/>
      <c r="B29" s="72" t="s">
        <v>63</v>
      </c>
      <c r="C29" s="45">
        <v>119.7</v>
      </c>
      <c r="D29" s="33">
        <v>-0.8</v>
      </c>
      <c r="E29" s="46">
        <v>8.8000000000000007</v>
      </c>
      <c r="G29" s="54"/>
      <c r="H29" s="85"/>
      <c r="I29" s="44"/>
      <c r="J29" s="44"/>
      <c r="K29" s="44"/>
    </row>
    <row r="30" spans="1:11" ht="16.2" customHeight="1" x14ac:dyDescent="0.2">
      <c r="A30" s="47"/>
      <c r="B30" s="48" t="s">
        <v>64</v>
      </c>
      <c r="C30" s="34">
        <v>100</v>
      </c>
      <c r="D30" s="35">
        <v>0</v>
      </c>
      <c r="E30" s="36">
        <v>-1.9</v>
      </c>
      <c r="G30" s="54"/>
      <c r="H30" s="85"/>
      <c r="I30" s="44"/>
      <c r="J30" s="44"/>
      <c r="K30" s="44"/>
    </row>
    <row r="31" spans="1:11" ht="16.2" customHeight="1" x14ac:dyDescent="0.2">
      <c r="A31" s="47"/>
      <c r="B31" s="48" t="s">
        <v>65</v>
      </c>
      <c r="C31" s="34">
        <v>116.1</v>
      </c>
      <c r="D31" s="35">
        <v>2.5</v>
      </c>
      <c r="E31" s="36">
        <v>4.3</v>
      </c>
      <c r="G31" s="54"/>
      <c r="H31" s="85"/>
      <c r="I31" s="44"/>
      <c r="J31" s="44"/>
      <c r="K31" s="44"/>
    </row>
    <row r="32" spans="1:11" ht="16.2" customHeight="1" x14ac:dyDescent="0.2">
      <c r="A32" s="47"/>
      <c r="B32" s="48" t="s">
        <v>66</v>
      </c>
      <c r="C32" s="34">
        <v>132.4</v>
      </c>
      <c r="D32" s="35">
        <v>1.2</v>
      </c>
      <c r="E32" s="36">
        <v>1.9</v>
      </c>
      <c r="G32" s="54"/>
      <c r="H32" s="85"/>
      <c r="I32" s="44"/>
      <c r="J32" s="44"/>
      <c r="K32" s="44"/>
    </row>
    <row r="33" spans="1:11" ht="16.2" customHeight="1" x14ac:dyDescent="0.2">
      <c r="A33" s="47"/>
      <c r="B33" s="48" t="s">
        <v>67</v>
      </c>
      <c r="C33" s="49">
        <v>119.5</v>
      </c>
      <c r="D33" s="31">
        <v>1.2</v>
      </c>
      <c r="E33" s="32">
        <v>4.8</v>
      </c>
      <c r="G33" s="54"/>
      <c r="H33" s="85"/>
      <c r="I33" s="44"/>
      <c r="J33" s="44"/>
      <c r="K33" s="44"/>
    </row>
    <row r="34" spans="1:11" ht="16.2" customHeight="1" x14ac:dyDescent="0.2">
      <c r="A34" s="76"/>
      <c r="B34" s="77" t="s">
        <v>68</v>
      </c>
      <c r="C34" s="40">
        <v>104.6</v>
      </c>
      <c r="D34" s="42">
        <v>0</v>
      </c>
      <c r="E34" s="43">
        <v>-1.3</v>
      </c>
      <c r="G34" s="54"/>
      <c r="H34" s="85"/>
      <c r="I34" s="44"/>
      <c r="J34" s="44"/>
      <c r="K34" s="44"/>
    </row>
    <row r="35" spans="1:11" ht="16.2" customHeight="1" x14ac:dyDescent="0.2">
      <c r="A35" s="65" t="s">
        <v>69</v>
      </c>
      <c r="B35" s="66"/>
      <c r="C35" s="79">
        <v>109.5</v>
      </c>
      <c r="D35" s="28">
        <v>-0.1</v>
      </c>
      <c r="E35" s="80">
        <v>-0.8</v>
      </c>
      <c r="G35" s="54"/>
      <c r="H35" s="85"/>
      <c r="I35" s="44"/>
      <c r="J35" s="44"/>
      <c r="K35" s="44"/>
    </row>
    <row r="36" spans="1:11" ht="16.2" customHeight="1" x14ac:dyDescent="0.2">
      <c r="A36" s="47"/>
      <c r="B36" s="72" t="s">
        <v>70</v>
      </c>
      <c r="C36" s="40">
        <v>110.8</v>
      </c>
      <c r="D36" s="35">
        <v>0.7</v>
      </c>
      <c r="E36" s="36">
        <v>-0.6</v>
      </c>
      <c r="G36" s="54"/>
      <c r="H36" s="85"/>
      <c r="I36" s="44"/>
      <c r="J36" s="44"/>
      <c r="K36" s="44"/>
    </row>
    <row r="37" spans="1:11" ht="16.2" customHeight="1" x14ac:dyDescent="0.2">
      <c r="A37" s="47"/>
      <c r="B37" s="86" t="s">
        <v>71</v>
      </c>
      <c r="C37" s="34">
        <v>106.4</v>
      </c>
      <c r="D37" s="35">
        <v>-0.5</v>
      </c>
      <c r="E37" s="36">
        <v>-1</v>
      </c>
      <c r="G37" s="54"/>
      <c r="H37" s="85"/>
      <c r="I37" s="44"/>
      <c r="J37" s="44"/>
      <c r="K37" s="44"/>
    </row>
    <row r="38" spans="1:11" ht="16.2" customHeight="1" x14ac:dyDescent="0.2">
      <c r="A38" s="47"/>
      <c r="B38" s="48" t="s">
        <v>72</v>
      </c>
      <c r="C38" s="34">
        <v>103.9</v>
      </c>
      <c r="D38" s="35">
        <v>-1.8</v>
      </c>
      <c r="E38" s="36">
        <v>-1.9</v>
      </c>
      <c r="G38" s="54"/>
      <c r="H38" s="85"/>
      <c r="I38" s="44"/>
      <c r="J38" s="44"/>
      <c r="K38" s="44"/>
    </row>
    <row r="39" spans="1:11" ht="16.2" customHeight="1" x14ac:dyDescent="0.2">
      <c r="A39" s="47"/>
      <c r="B39" s="48" t="s">
        <v>84</v>
      </c>
      <c r="C39" s="34">
        <v>121</v>
      </c>
      <c r="D39" s="35">
        <v>0</v>
      </c>
      <c r="E39" s="36">
        <v>0.2</v>
      </c>
      <c r="G39" s="54"/>
      <c r="H39" s="85"/>
      <c r="I39" s="44"/>
      <c r="J39" s="44"/>
      <c r="K39" s="44"/>
    </row>
    <row r="40" spans="1:11" ht="16.2" customHeight="1" x14ac:dyDescent="0.2">
      <c r="A40" s="76"/>
      <c r="B40" s="77" t="s">
        <v>73</v>
      </c>
      <c r="C40" s="40">
        <v>114.1</v>
      </c>
      <c r="D40" s="42">
        <v>0</v>
      </c>
      <c r="E40" s="43">
        <v>0.2</v>
      </c>
      <c r="G40" s="54"/>
      <c r="H40" s="85"/>
      <c r="I40" s="44"/>
      <c r="J40" s="44"/>
      <c r="K40" s="44"/>
    </row>
    <row r="41" spans="1:11" ht="16.2" customHeight="1" x14ac:dyDescent="0.2">
      <c r="A41" s="65" t="s">
        <v>74</v>
      </c>
      <c r="B41" s="66"/>
      <c r="C41" s="79">
        <v>103.3</v>
      </c>
      <c r="D41" s="28">
        <v>0</v>
      </c>
      <c r="E41" s="80">
        <v>-1.3</v>
      </c>
      <c r="G41" s="54"/>
      <c r="H41" s="85"/>
      <c r="I41" s="44"/>
      <c r="J41" s="44"/>
      <c r="K41" s="44"/>
    </row>
    <row r="42" spans="1:11" ht="16.2" customHeight="1" x14ac:dyDescent="0.2">
      <c r="A42" s="47"/>
      <c r="B42" s="78" t="s">
        <v>75</v>
      </c>
      <c r="C42" s="40">
        <v>110.3</v>
      </c>
      <c r="D42" s="35">
        <v>0.1</v>
      </c>
      <c r="E42" s="36">
        <v>1.9</v>
      </c>
      <c r="G42" s="54"/>
      <c r="H42" s="85"/>
      <c r="I42" s="44"/>
      <c r="J42" s="44"/>
      <c r="K42" s="44"/>
    </row>
    <row r="43" spans="1:11" ht="16.2" customHeight="1" x14ac:dyDescent="0.2">
      <c r="A43" s="47"/>
      <c r="B43" s="87" t="s">
        <v>76</v>
      </c>
      <c r="C43" s="34">
        <v>110.5</v>
      </c>
      <c r="D43" s="35">
        <v>0</v>
      </c>
      <c r="E43" s="36">
        <v>-4.7</v>
      </c>
      <c r="G43" s="54"/>
      <c r="H43" s="85"/>
      <c r="I43" s="44"/>
      <c r="J43" s="44"/>
      <c r="K43" s="44"/>
    </row>
    <row r="44" spans="1:11" ht="16.2" customHeight="1" x14ac:dyDescent="0.2">
      <c r="A44" s="76"/>
      <c r="B44" s="77" t="s">
        <v>77</v>
      </c>
      <c r="C44" s="40">
        <v>97.5</v>
      </c>
      <c r="D44" s="35">
        <v>0</v>
      </c>
      <c r="E44" s="36">
        <v>-1.3</v>
      </c>
      <c r="G44" s="54"/>
      <c r="H44" s="85"/>
      <c r="I44" s="44"/>
      <c r="J44" s="44"/>
      <c r="K44" s="44"/>
    </row>
    <row r="45" spans="1:11" ht="16.2" customHeight="1" x14ac:dyDescent="0.2">
      <c r="A45" s="65" t="s">
        <v>78</v>
      </c>
      <c r="B45" s="66"/>
      <c r="C45" s="79">
        <v>100.4</v>
      </c>
      <c r="D45" s="28">
        <v>0.1</v>
      </c>
      <c r="E45" s="80">
        <v>2.9</v>
      </c>
      <c r="G45" s="54"/>
      <c r="H45" s="85"/>
      <c r="I45" s="44"/>
      <c r="J45" s="44"/>
      <c r="K45" s="44"/>
    </row>
    <row r="46" spans="1:11" ht="16.2" customHeight="1" x14ac:dyDescent="0.2">
      <c r="A46" s="47"/>
      <c r="B46" s="72" t="s">
        <v>79</v>
      </c>
      <c r="C46" s="40">
        <v>111.4</v>
      </c>
      <c r="D46" s="35">
        <v>0.2</v>
      </c>
      <c r="E46" s="36">
        <v>4.7</v>
      </c>
      <c r="G46" s="54"/>
      <c r="H46" s="85"/>
      <c r="I46" s="44"/>
      <c r="J46" s="44"/>
      <c r="K46" s="44"/>
    </row>
    <row r="47" spans="1:11" ht="16.2" customHeight="1" x14ac:dyDescent="0.2">
      <c r="A47" s="47"/>
      <c r="B47" s="48" t="s">
        <v>80</v>
      </c>
      <c r="C47" s="34">
        <v>110.8</v>
      </c>
      <c r="D47" s="35">
        <v>0.2</v>
      </c>
      <c r="E47" s="36">
        <v>0.1</v>
      </c>
      <c r="G47" s="54"/>
      <c r="H47" s="85"/>
      <c r="I47" s="44"/>
      <c r="J47" s="44"/>
      <c r="K47" s="44"/>
    </row>
    <row r="48" spans="1:11" ht="16.2" customHeight="1" x14ac:dyDescent="0.2">
      <c r="A48" s="76"/>
      <c r="B48" s="77" t="s">
        <v>81</v>
      </c>
      <c r="C48" s="41">
        <v>77.900000000000006</v>
      </c>
      <c r="D48" s="42">
        <v>-0.3</v>
      </c>
      <c r="E48" s="43">
        <v>7.3</v>
      </c>
      <c r="G48" s="54"/>
      <c r="H48" s="85"/>
      <c r="I48" s="44"/>
      <c r="J48" s="44"/>
      <c r="K48" s="44"/>
    </row>
  </sheetData>
  <mergeCells count="5">
    <mergeCell ref="A3:B3"/>
    <mergeCell ref="A5:B5"/>
    <mergeCell ref="G5:H5"/>
    <mergeCell ref="A1:I1"/>
    <mergeCell ref="J1:K1"/>
  </mergeCells>
  <phoneticPr fontId="1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 </vt:lpstr>
      <vt:lpstr>中分類指数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9-10T00:42:45Z</cp:lastPrinted>
  <dcterms:created xsi:type="dcterms:W3CDTF">2017-03-03T01:49:29Z</dcterms:created>
  <dcterms:modified xsi:type="dcterms:W3CDTF">2026-07-09T06:51:55Z</dcterms:modified>
</cp:coreProperties>
</file>